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s894068\Desktop\1120412課程計畫文件\給阿梅公告\"/>
    </mc:Choice>
  </mc:AlternateContent>
  <bookViews>
    <workbookView xWindow="0" yWindow="0" windowWidth="28800" windowHeight="12285" activeTab="1"/>
  </bookViews>
  <sheets>
    <sheet name="設有特教班學校範例" sheetId="3" r:id="rId1"/>
    <sheet name="無特教班學校範例" sheetId="2" r:id="rId2"/>
  </sheets>
  <calcPr calcId="144525"/>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5" uniqueCount="105">
  <si>
    <t>(範例)</t>
  </si>
  <si>
    <t>備註</t>
  </si>
  <si>
    <t>聽覺障礙</t>
  </si>
  <si>
    <t>學校</t>
    <phoneticPr fontId="5" type="noConversion"/>
  </si>
  <si>
    <t>安置班型</t>
    <phoneticPr fontId="5" type="noConversion"/>
  </si>
  <si>
    <t>認知課程需求</t>
  </si>
  <si>
    <t>不分類身障資源班</t>
  </si>
  <si>
    <t>外加</t>
  </si>
  <si>
    <t>國語</t>
  </si>
  <si>
    <t>2節</t>
  </si>
  <si>
    <t>原班課程:國語</t>
  </si>
  <si>
    <t>原班課程:綜合</t>
  </si>
  <si>
    <t>抽離</t>
  </si>
  <si>
    <t>數學</t>
  </si>
  <si>
    <t>原班課程:早修</t>
  </si>
  <si>
    <t>1節</t>
  </si>
  <si>
    <t>社會技巧</t>
  </si>
  <si>
    <t>智能障礙</t>
  </si>
  <si>
    <t>學習障礙</t>
  </si>
  <si>
    <t>輔助性需求(如輔具、聽能、點字等訓練)</t>
  </si>
  <si>
    <t>溝通訓練</t>
  </si>
  <si>
    <t>學習評量調整</t>
    <phoneticPr fontId="5" type="noConversion"/>
  </si>
  <si>
    <t>原班課程:社會</t>
  </si>
  <si>
    <t>相關服務</t>
    <phoneticPr fontId="5" type="noConversion"/>
  </si>
  <si>
    <t>原班課程:健體</t>
  </si>
  <si>
    <t>1小時</t>
  </si>
  <si>
    <t>職能治療</t>
  </si>
  <si>
    <t>情緒行為障礙</t>
  </si>
  <si>
    <t>社會適應或生活適應需求</t>
  </si>
  <si>
    <t>年級</t>
    <phoneticPr fontId="5" type="noConversion"/>
  </si>
  <si>
    <t>1年級</t>
  </si>
  <si>
    <t>2小時</t>
  </si>
  <si>
    <t>3年級</t>
  </si>
  <si>
    <t>語言治療</t>
  </si>
  <si>
    <t>學生</t>
    <phoneticPr fontId="5" type="noConversion"/>
  </si>
  <si>
    <t>學習內容調整</t>
    <phoneticPr fontId="5" type="noConversion"/>
  </si>
  <si>
    <t>簡化</t>
  </si>
  <si>
    <t>減量</t>
  </si>
  <si>
    <t>分解</t>
  </si>
  <si>
    <t>替代</t>
  </si>
  <si>
    <t>無</t>
  </si>
  <si>
    <t>學習歷程調整</t>
    <phoneticPr fontId="5" type="noConversion"/>
  </si>
  <si>
    <t>多感官</t>
  </si>
  <si>
    <t>直接教學</t>
  </si>
  <si>
    <t>多層次教學</t>
  </si>
  <si>
    <t>協助畫重點</t>
  </si>
  <si>
    <t>關鍵字</t>
  </si>
  <si>
    <t>角色扮演</t>
  </si>
  <si>
    <t>學習環境調整</t>
    <phoneticPr fontId="5" type="noConversion"/>
  </si>
  <si>
    <t>座位安排</t>
  </si>
  <si>
    <t>教師安排</t>
  </si>
  <si>
    <t>同儕支持</t>
  </si>
  <si>
    <t>紙筆測驗</t>
  </si>
  <si>
    <t>實作評量</t>
  </si>
  <si>
    <t>指認</t>
  </si>
  <si>
    <t>同儕互評</t>
  </si>
  <si>
    <t>檔案評量</t>
  </si>
  <si>
    <t>學習需求</t>
    <phoneticPr fontId="5" type="noConversion"/>
  </si>
  <si>
    <t>集中式特教班</t>
  </si>
  <si>
    <t>多重障礙</t>
  </si>
  <si>
    <t>備註3：外加課程可適用於資源/巡迴班或集中式特殊教育班，包括學習節數超過課綱原領域或原班排定節數及經專業評估後需提供的特殊需求領域</t>
    <phoneticPr fontId="5" type="noConversion"/>
  </si>
  <si>
    <t>特需領域課程</t>
    <phoneticPr fontId="5" type="noConversion"/>
  </si>
  <si>
    <t>原班</t>
  </si>
  <si>
    <t>生活管理</t>
  </si>
  <si>
    <t>備註2：原班課程係指在原班上課，包含在普通班由特殊教育教師入班進行合作教學；或在集中式特殊教育班與原班同學一起上課。</t>
    <phoneticPr fontId="5" type="noConversion"/>
  </si>
  <si>
    <t>功能性動作訓練</t>
  </si>
  <si>
    <t>特教生助理</t>
  </si>
  <si>
    <t>類別</t>
    <phoneticPr fontId="5" type="noConversion"/>
  </si>
  <si>
    <t>原班領域課程節數</t>
    <phoneticPr fontId="5" type="noConversion"/>
  </si>
  <si>
    <t>C6-3附件</t>
    <phoneticPr fontId="5" type="noConversion"/>
  </si>
  <si>
    <t>特需領域課程</t>
    <phoneticPr fontId="5" type="noConversion"/>
  </si>
  <si>
    <t>在家教育巡迴輔導班</t>
  </si>
  <si>
    <t>處室支援</t>
  </si>
  <si>
    <t>外加/抽離領域</t>
    <phoneticPr fontId="5" type="noConversion"/>
  </si>
  <si>
    <t>樹木國小</t>
    <phoneticPr fontId="5" type="noConversion"/>
  </si>
  <si>
    <t>不分類巡迴輔導班</t>
  </si>
  <si>
    <t>原班課程:彈性</t>
  </si>
  <si>
    <t>依在家教育輔導計畫及個別化教育計畫</t>
    <phoneticPr fontId="5" type="noConversion"/>
  </si>
  <si>
    <r>
      <t>備註1：依據總綱柒、實施要點的第八條附則之規定，</t>
    </r>
    <r>
      <rPr>
        <b/>
        <sz val="9"/>
        <color rgb="FFFF0000"/>
        <rFont val="標楷體"/>
        <family val="4"/>
        <charset val="136"/>
      </rPr>
      <t>特殊教育班課程規劃需經學校特殊教育推行委員會審議通過，並送學校課程發展委員會通過後實施</t>
    </r>
    <phoneticPr fontId="5" type="noConversion"/>
  </si>
  <si>
    <t>依照十二年國教/九年一貫課程學習節數之規定(表C3-1)</t>
  </si>
  <si>
    <t>依照十二年國教/九年一貫課程學習節數之規定(表C3-1)</t>
    <phoneticPr fontId="5" type="noConversion"/>
  </si>
  <si>
    <t>申請巡迴輔導</t>
    <phoneticPr fontId="5" type="noConversion"/>
  </si>
  <si>
    <t>有巡迴輔導教學</t>
  </si>
  <si>
    <t>尚未申請</t>
  </si>
  <si>
    <t>已完成</t>
  </si>
  <si>
    <t>主要學習需求</t>
    <phoneticPr fontId="5" type="noConversion"/>
  </si>
  <si>
    <t>跨階段轉銜</t>
    <phoneticPr fontId="5" type="noConversion"/>
  </si>
  <si>
    <t>跨階段轉銜</t>
    <phoneticPr fontId="5" type="noConversion"/>
  </si>
  <si>
    <t>台南國中</t>
    <phoneticPr fontId="5" type="noConversion"/>
  </si>
  <si>
    <t>7年級</t>
  </si>
  <si>
    <t>8年級</t>
  </si>
  <si>
    <t>9年級</t>
  </si>
  <si>
    <r>
      <t>臺南市○○區○○國中(小)</t>
    </r>
    <r>
      <rPr>
        <sz val="16"/>
        <color theme="1"/>
        <rFont val="Yu Gothic"/>
        <family val="2"/>
        <charset val="128"/>
      </rPr>
      <t>〇〇〇</t>
    </r>
    <r>
      <rPr>
        <b/>
        <sz val="16"/>
        <color theme="1"/>
        <rFont val="標楷體"/>
        <family val="4"/>
        <charset val="136"/>
      </rPr>
      <t>學年度學生特殊教育需求與課程調整規畫彙整表</t>
    </r>
    <phoneticPr fontId="5" type="noConversion"/>
  </si>
  <si>
    <r>
      <t>臺南市○○區○○國中(小)</t>
    </r>
    <r>
      <rPr>
        <sz val="16"/>
        <rFont val="Yu Gothic"/>
        <family val="2"/>
        <charset val="128"/>
      </rPr>
      <t>〇〇〇</t>
    </r>
    <r>
      <rPr>
        <b/>
        <sz val="16"/>
        <rFont val="標楷體"/>
        <family val="4"/>
        <charset val="136"/>
      </rPr>
      <t>學年度學生特殊教育/支援服務需求與課程調整規畫彙整</t>
    </r>
    <phoneticPr fontId="5" type="noConversion"/>
  </si>
  <si>
    <t>吳0文</t>
    <phoneticPr fontId="5" type="noConversion"/>
  </si>
  <si>
    <t>陳0仁</t>
    <phoneticPr fontId="5" type="noConversion"/>
  </si>
  <si>
    <t>原班課程:其他</t>
  </si>
  <si>
    <t>5節</t>
  </si>
  <si>
    <t>黃0天</t>
    <phoneticPr fontId="5" type="noConversion"/>
  </si>
  <si>
    <t>林0志</t>
    <phoneticPr fontId="5" type="noConversion"/>
  </si>
  <si>
    <t>陳00</t>
    <phoneticPr fontId="5" type="noConversion"/>
  </si>
  <si>
    <t>張0</t>
    <phoneticPr fontId="5" type="noConversion"/>
  </si>
  <si>
    <t>邱0安</t>
    <phoneticPr fontId="5" type="noConversion"/>
  </si>
  <si>
    <t>6節</t>
  </si>
  <si>
    <t>學策融入學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x14ac:knownFonts="1">
    <font>
      <sz val="12"/>
      <color theme="1"/>
      <name val="新細明體"/>
      <family val="2"/>
      <charset val="136"/>
      <scheme val="minor"/>
    </font>
    <font>
      <b/>
      <sz val="16"/>
      <color theme="1"/>
      <name val="標楷體"/>
      <family val="4"/>
      <charset val="136"/>
    </font>
    <font>
      <b/>
      <sz val="12"/>
      <color theme="1"/>
      <name val="標楷體"/>
      <family val="4"/>
      <charset val="136"/>
    </font>
    <font>
      <sz val="12"/>
      <color theme="1"/>
      <name val="標楷體"/>
      <family val="4"/>
      <charset val="136"/>
    </font>
    <font>
      <sz val="12"/>
      <color theme="1"/>
      <name val="新細明體"/>
      <family val="1"/>
      <charset val="136"/>
    </font>
    <font>
      <sz val="9"/>
      <name val="新細明體"/>
      <family val="2"/>
      <charset val="136"/>
      <scheme val="minor"/>
    </font>
    <font>
      <sz val="10"/>
      <color theme="1"/>
      <name val="標楷體"/>
      <family val="4"/>
      <charset val="136"/>
    </font>
    <font>
      <sz val="10"/>
      <color theme="1"/>
      <name val="新細明體"/>
      <family val="1"/>
      <charset val="136"/>
    </font>
    <font>
      <sz val="10"/>
      <color theme="1"/>
      <name val="新細明體"/>
      <family val="2"/>
      <charset val="136"/>
      <scheme val="minor"/>
    </font>
    <font>
      <sz val="8"/>
      <color theme="1"/>
      <name val="標楷體"/>
      <family val="4"/>
      <charset val="136"/>
    </font>
    <font>
      <b/>
      <sz val="9"/>
      <color theme="1"/>
      <name val="標楷體"/>
      <family val="4"/>
      <charset val="136"/>
    </font>
    <font>
      <sz val="9"/>
      <color theme="1"/>
      <name val="新細明體"/>
      <family val="2"/>
      <charset val="136"/>
      <scheme val="minor"/>
    </font>
    <font>
      <sz val="9"/>
      <color theme="1"/>
      <name val="新細明體"/>
      <family val="1"/>
      <charset val="136"/>
    </font>
    <font>
      <b/>
      <sz val="9"/>
      <color rgb="FFFF0000"/>
      <name val="標楷體"/>
      <family val="4"/>
      <charset val="136"/>
    </font>
    <font>
      <sz val="9"/>
      <color theme="1"/>
      <name val="標楷體"/>
      <family val="4"/>
      <charset val="136"/>
    </font>
    <font>
      <b/>
      <sz val="16"/>
      <name val="標楷體"/>
      <family val="4"/>
      <charset val="136"/>
    </font>
    <font>
      <sz val="16"/>
      <color theme="1"/>
      <name val="Yu Gothic"/>
      <family val="2"/>
      <charset val="128"/>
    </font>
    <font>
      <sz val="16"/>
      <name val="Yu Gothic"/>
      <family val="2"/>
      <charset val="128"/>
    </font>
  </fonts>
  <fills count="8">
    <fill>
      <patternFill patternType="none"/>
    </fill>
    <fill>
      <patternFill patternType="gray125"/>
    </fill>
    <fill>
      <patternFill patternType="solid">
        <fgColor rgb="FFFFFF00"/>
        <bgColor indexed="64"/>
      </patternFill>
    </fill>
    <fill>
      <patternFill patternType="solid">
        <fgColor rgb="FFFFFF66"/>
        <bgColor indexed="64"/>
      </patternFill>
    </fill>
    <fill>
      <patternFill patternType="solid">
        <fgColor theme="7" tint="0.59999389629810485"/>
        <bgColor indexed="64"/>
      </patternFill>
    </fill>
    <fill>
      <patternFill patternType="solid">
        <fgColor theme="9" tint="0.59999389629810485"/>
        <bgColor indexed="64"/>
      </patternFill>
    </fill>
    <fill>
      <patternFill patternType="solid">
        <fgColor rgb="FFFF99FF"/>
        <bgColor indexed="64"/>
      </patternFill>
    </fill>
    <fill>
      <patternFill patternType="solid">
        <fgColor rgb="FFCCECFF"/>
        <bgColor indexed="64"/>
      </patternFill>
    </fill>
  </fills>
  <borders count="6">
    <border>
      <left/>
      <right/>
      <top/>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right style="medium">
        <color indexed="64"/>
      </right>
      <top/>
      <bottom style="medium">
        <color indexed="64"/>
      </bottom>
      <diagonal/>
    </border>
    <border>
      <left style="medium">
        <color indexed="64"/>
      </left>
      <right style="medium">
        <color indexed="64"/>
      </right>
      <top/>
      <bottom/>
      <diagonal/>
    </border>
    <border>
      <left/>
      <right style="medium">
        <color indexed="64"/>
      </right>
      <top/>
      <bottom/>
      <diagonal/>
    </border>
  </borders>
  <cellStyleXfs count="1">
    <xf numFmtId="0" fontId="0" fillId="0" borderId="0">
      <alignment vertical="center"/>
    </xf>
  </cellStyleXfs>
  <cellXfs count="47">
    <xf numFmtId="0" fontId="0" fillId="0" borderId="0" xfId="0">
      <alignment vertical="center"/>
    </xf>
    <xf numFmtId="0" fontId="2" fillId="0" borderId="0" xfId="0" applyFont="1">
      <alignment vertical="center"/>
    </xf>
    <xf numFmtId="0" fontId="4" fillId="0" borderId="5" xfId="0" applyFont="1" applyBorder="1" applyAlignment="1">
      <alignment horizontal="center" vertical="center" wrapText="1"/>
    </xf>
    <xf numFmtId="0" fontId="4" fillId="0" borderId="3" xfId="0" applyFont="1" applyBorder="1" applyAlignment="1">
      <alignment horizontal="center" vertical="center" wrapText="1"/>
    </xf>
    <xf numFmtId="0" fontId="3" fillId="0" borderId="0" xfId="0" applyFont="1">
      <alignment vertical="center"/>
    </xf>
    <xf numFmtId="0" fontId="8" fillId="0" borderId="0" xfId="0" applyFont="1">
      <alignment vertical="center"/>
    </xf>
    <xf numFmtId="0" fontId="7" fillId="0" borderId="5" xfId="0" applyFont="1" applyBorder="1" applyAlignment="1">
      <alignment horizontal="center" vertical="center" wrapText="1"/>
    </xf>
    <xf numFmtId="0" fontId="7" fillId="0" borderId="3" xfId="0" applyFont="1" applyBorder="1" applyAlignment="1">
      <alignment horizontal="center" vertical="center" wrapText="1"/>
    </xf>
    <xf numFmtId="0" fontId="9" fillId="0" borderId="5" xfId="0" applyFont="1" applyBorder="1" applyAlignment="1">
      <alignment horizontal="center" vertical="center" wrapText="1"/>
    </xf>
    <xf numFmtId="0" fontId="9" fillId="0" borderId="2" xfId="0" applyFont="1" applyBorder="1" applyAlignment="1">
      <alignment horizontal="center" vertical="center" wrapText="1"/>
    </xf>
    <xf numFmtId="49" fontId="10" fillId="0" borderId="0" xfId="0" applyNumberFormat="1" applyFont="1">
      <alignment vertical="center"/>
    </xf>
    <xf numFmtId="0" fontId="10" fillId="0" borderId="0" xfId="0" applyFont="1">
      <alignment vertical="center"/>
    </xf>
    <xf numFmtId="0" fontId="11" fillId="0" borderId="0" xfId="0" applyFont="1">
      <alignment vertical="center"/>
    </xf>
    <xf numFmtId="0" fontId="12" fillId="0" borderId="5" xfId="0" applyFont="1" applyBorder="1" applyAlignment="1">
      <alignment horizontal="center" vertical="center" wrapText="1"/>
    </xf>
    <xf numFmtId="0" fontId="12" fillId="0" borderId="3" xfId="0" applyFont="1" applyBorder="1" applyAlignment="1">
      <alignment horizontal="center" vertical="center" wrapText="1"/>
    </xf>
    <xf numFmtId="0" fontId="3" fillId="0" borderId="1" xfId="0" applyFont="1" applyBorder="1" applyAlignment="1">
      <alignment horizontal="center" vertical="center" wrapText="1"/>
    </xf>
    <xf numFmtId="0" fontId="3" fillId="0" borderId="4" xfId="0" applyFont="1" applyBorder="1" applyAlignment="1">
      <alignment horizontal="center" vertical="center" wrapText="1"/>
    </xf>
    <xf numFmtId="0" fontId="3" fillId="0" borderId="2" xfId="0" applyFont="1" applyBorder="1" applyAlignment="1">
      <alignment horizontal="center" vertical="center" wrapText="1"/>
    </xf>
    <xf numFmtId="0" fontId="6" fillId="0" borderId="1" xfId="0" applyFont="1" applyBorder="1" applyAlignment="1">
      <alignment horizontal="center" vertical="center" wrapText="1"/>
    </xf>
    <xf numFmtId="0" fontId="6" fillId="0" borderId="4" xfId="0" applyFont="1" applyBorder="1" applyAlignment="1">
      <alignment horizontal="center" vertical="center" wrapText="1"/>
    </xf>
    <xf numFmtId="0" fontId="6" fillId="0" borderId="2" xfId="0" applyFont="1" applyBorder="1" applyAlignment="1">
      <alignment horizontal="center" vertical="center" wrapText="1"/>
    </xf>
    <xf numFmtId="0" fontId="14" fillId="0" borderId="1" xfId="0" applyFont="1" applyBorder="1" applyAlignment="1">
      <alignment horizontal="center" vertical="center" wrapText="1"/>
    </xf>
    <xf numFmtId="0" fontId="14" fillId="0" borderId="4" xfId="0" applyFont="1" applyBorder="1" applyAlignment="1">
      <alignment horizontal="center" vertical="center" wrapText="1"/>
    </xf>
    <xf numFmtId="0" fontId="14" fillId="0" borderId="2" xfId="0" applyFont="1" applyBorder="1" applyAlignment="1">
      <alignment horizontal="center" vertical="center" wrapText="1"/>
    </xf>
    <xf numFmtId="0" fontId="7" fillId="0" borderId="1" xfId="0" applyFont="1" applyBorder="1" applyAlignment="1">
      <alignment horizontal="center" vertical="center" wrapText="1"/>
    </xf>
    <xf numFmtId="0" fontId="7" fillId="0" borderId="4" xfId="0" applyFont="1" applyBorder="1" applyAlignment="1">
      <alignment horizontal="center" vertical="center" wrapText="1"/>
    </xf>
    <xf numFmtId="0" fontId="7" fillId="0" borderId="2" xfId="0" applyFont="1" applyBorder="1" applyAlignment="1">
      <alignment horizontal="center" vertical="center" wrapText="1"/>
    </xf>
    <xf numFmtId="0" fontId="9" fillId="0" borderId="1" xfId="0" applyFont="1" applyBorder="1" applyAlignment="1">
      <alignment horizontal="center" vertical="center" wrapText="1"/>
    </xf>
    <xf numFmtId="0" fontId="9" fillId="0" borderId="4" xfId="0" applyFont="1" applyBorder="1" applyAlignment="1">
      <alignment horizontal="center" vertical="center" wrapText="1"/>
    </xf>
    <xf numFmtId="0" fontId="9" fillId="0" borderId="2" xfId="0" applyFont="1" applyBorder="1" applyAlignment="1">
      <alignment horizontal="center" vertical="center" wrapText="1"/>
    </xf>
    <xf numFmtId="0" fontId="9" fillId="5" borderId="1" xfId="0" applyFont="1" applyFill="1" applyBorder="1" applyAlignment="1">
      <alignment horizontal="center" vertical="center" wrapText="1"/>
    </xf>
    <xf numFmtId="0" fontId="9" fillId="5" borderId="2" xfId="0" applyFont="1" applyFill="1" applyBorder="1" applyAlignment="1">
      <alignment horizontal="center" vertical="center" wrapText="1"/>
    </xf>
    <xf numFmtId="0" fontId="14" fillId="3" borderId="1" xfId="0" applyFont="1" applyFill="1" applyBorder="1" applyAlignment="1">
      <alignment horizontal="center" vertical="center" wrapText="1"/>
    </xf>
    <xf numFmtId="0" fontId="14" fillId="3" borderId="2" xfId="0" applyFont="1" applyFill="1" applyBorder="1" applyAlignment="1">
      <alignment horizontal="center" vertical="center" wrapText="1"/>
    </xf>
    <xf numFmtId="0" fontId="15" fillId="0" borderId="0" xfId="0" applyFont="1" applyAlignment="1">
      <alignment horizontal="center" vertical="center"/>
    </xf>
    <xf numFmtId="0" fontId="6" fillId="7" borderId="1" xfId="0" applyFont="1" applyFill="1" applyBorder="1" applyAlignment="1">
      <alignment horizontal="center" vertical="center" wrapText="1"/>
    </xf>
    <xf numFmtId="0" fontId="6" fillId="7" borderId="2" xfId="0" applyFont="1" applyFill="1" applyBorder="1" applyAlignment="1">
      <alignment horizontal="center" vertical="center" wrapText="1"/>
    </xf>
    <xf numFmtId="0" fontId="6" fillId="4" borderId="1" xfId="0" applyFont="1" applyFill="1" applyBorder="1" applyAlignment="1">
      <alignment horizontal="center" vertical="center" wrapText="1"/>
    </xf>
    <xf numFmtId="0" fontId="6" fillId="4" borderId="2" xfId="0" applyFont="1" applyFill="1" applyBorder="1" applyAlignment="1">
      <alignment horizontal="center" vertical="center" wrapText="1"/>
    </xf>
    <xf numFmtId="0" fontId="6" fillId="2" borderId="1" xfId="0" applyFont="1" applyFill="1" applyBorder="1" applyAlignment="1">
      <alignment horizontal="center" vertical="center" wrapText="1"/>
    </xf>
    <xf numFmtId="0" fontId="6" fillId="2" borderId="2" xfId="0" applyFont="1" applyFill="1" applyBorder="1" applyAlignment="1">
      <alignment horizontal="center" vertical="center" wrapText="1"/>
    </xf>
    <xf numFmtId="0" fontId="14" fillId="6" borderId="1" xfId="0" applyFont="1" applyFill="1" applyBorder="1" applyAlignment="1">
      <alignment horizontal="center" vertical="center" wrapText="1"/>
    </xf>
    <xf numFmtId="0" fontId="14" fillId="6" borderId="2" xfId="0" applyFont="1" applyFill="1" applyBorder="1" applyAlignment="1">
      <alignment horizontal="center" vertical="center" wrapText="1"/>
    </xf>
    <xf numFmtId="0" fontId="1" fillId="0" borderId="0" xfId="0" applyFont="1" applyAlignment="1">
      <alignment horizontal="center" vertical="center"/>
    </xf>
    <xf numFmtId="0" fontId="3" fillId="5" borderId="1" xfId="0" applyFont="1" applyFill="1" applyBorder="1" applyAlignment="1">
      <alignment horizontal="center" vertical="center" wrapText="1"/>
    </xf>
    <xf numFmtId="0" fontId="3" fillId="5" borderId="2" xfId="0" applyFont="1" applyFill="1" applyBorder="1" applyAlignment="1">
      <alignment horizontal="center" vertical="center" wrapText="1"/>
    </xf>
    <xf numFmtId="0" fontId="7" fillId="0" borderId="5" xfId="0" applyFont="1" applyFill="1" applyBorder="1" applyAlignment="1">
      <alignment horizontal="center" vertical="center" wrapText="1"/>
    </xf>
  </cellXfs>
  <cellStyles count="1">
    <cellStyle name="一般" xfId="0" builtinId="0"/>
  </cellStyles>
  <dxfs count="0"/>
  <tableStyles count="0" defaultTableStyle="TableStyleMedium2" defaultPivotStyle="PivotStyleLight16"/>
  <colors>
    <mruColors>
      <color rgb="FFFF99FF"/>
      <color rgb="FFCCECFF"/>
      <color rgb="FFFF66FF"/>
      <color rgb="FFFFFF66"/>
      <color rgb="FFFFFF99"/>
      <color rgb="FFFF33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36"/>
  <sheetViews>
    <sheetView view="pageBreakPreview" zoomScale="85" zoomScaleNormal="85" zoomScaleSheetLayoutView="85" workbookViewId="0">
      <selection activeCell="X16" sqref="X16"/>
    </sheetView>
  </sheetViews>
  <sheetFormatPr defaultRowHeight="16.5" x14ac:dyDescent="0.25"/>
  <cols>
    <col min="1" max="1" width="3.25" customWidth="1"/>
    <col min="2" max="2" width="3.5" customWidth="1"/>
    <col min="3" max="3" width="6.875" customWidth="1"/>
    <col min="4" max="4" width="4" customWidth="1"/>
    <col min="5" max="5" width="6.25" customWidth="1"/>
    <col min="6" max="6" width="4.375" customWidth="1"/>
    <col min="7" max="7" width="8" customWidth="1"/>
    <col min="8" max="8" width="9" style="5" customWidth="1"/>
    <col min="9" max="9" width="9.625" style="5" customWidth="1"/>
    <col min="10" max="10" width="10" style="5" customWidth="1"/>
    <col min="11" max="11" width="10.25" style="5" customWidth="1"/>
    <col min="12" max="12" width="11.375" style="5" customWidth="1"/>
    <col min="13" max="13" width="9.125" style="5" customWidth="1"/>
    <col min="14" max="14" width="6.75" customWidth="1"/>
    <col min="15" max="15" width="6.625" customWidth="1"/>
    <col min="16" max="16" width="7.25" customWidth="1"/>
    <col min="17" max="17" width="6.625" customWidth="1"/>
    <col min="18" max="18" width="9.25" customWidth="1"/>
    <col min="19" max="20" width="4.75" customWidth="1"/>
    <col min="21" max="21" width="5.25" customWidth="1"/>
  </cols>
  <sheetData>
    <row r="1" spans="1:23" x14ac:dyDescent="0.25">
      <c r="A1" s="4" t="s">
        <v>69</v>
      </c>
    </row>
    <row r="2" spans="1:23" ht="25.5" x14ac:dyDescent="0.25">
      <c r="A2" s="34" t="s">
        <v>93</v>
      </c>
      <c r="B2" s="34"/>
      <c r="C2" s="34"/>
      <c r="D2" s="34"/>
      <c r="E2" s="34"/>
      <c r="F2" s="34"/>
      <c r="G2" s="34"/>
      <c r="H2" s="34"/>
      <c r="I2" s="34"/>
      <c r="J2" s="34"/>
      <c r="K2" s="34"/>
      <c r="L2" s="34"/>
      <c r="M2" s="34"/>
      <c r="N2" s="34"/>
      <c r="O2" s="34"/>
      <c r="P2" s="34"/>
      <c r="Q2" s="34"/>
      <c r="R2" s="34"/>
      <c r="S2" s="34"/>
      <c r="T2" s="34"/>
      <c r="U2" s="34"/>
    </row>
    <row r="3" spans="1:23" ht="16.149999999999999" customHeight="1" thickBot="1" x14ac:dyDescent="0.3">
      <c r="A3" s="1" t="s">
        <v>0</v>
      </c>
    </row>
    <row r="4" spans="1:23" ht="16.149999999999999" customHeight="1" x14ac:dyDescent="0.25">
      <c r="A4" s="15"/>
      <c r="B4" s="15" t="s">
        <v>3</v>
      </c>
      <c r="C4" s="15" t="s">
        <v>4</v>
      </c>
      <c r="D4" s="15" t="s">
        <v>29</v>
      </c>
      <c r="E4" s="15" t="s">
        <v>34</v>
      </c>
      <c r="F4" s="15" t="s">
        <v>67</v>
      </c>
      <c r="G4" s="18" t="s">
        <v>57</v>
      </c>
      <c r="H4" s="35" t="s">
        <v>68</v>
      </c>
      <c r="I4" s="37" t="s">
        <v>73</v>
      </c>
      <c r="J4" s="37" t="s">
        <v>73</v>
      </c>
      <c r="K4" s="37" t="s">
        <v>73</v>
      </c>
      <c r="L4" s="39" t="s">
        <v>61</v>
      </c>
      <c r="M4" s="39" t="s">
        <v>70</v>
      </c>
      <c r="N4" s="30" t="s">
        <v>21</v>
      </c>
      <c r="O4" s="30" t="s">
        <v>35</v>
      </c>
      <c r="P4" s="30" t="s">
        <v>41</v>
      </c>
      <c r="Q4" s="30" t="s">
        <v>48</v>
      </c>
      <c r="R4" s="18" t="s">
        <v>23</v>
      </c>
      <c r="S4" s="41" t="s">
        <v>81</v>
      </c>
      <c r="T4" s="32" t="s">
        <v>86</v>
      </c>
      <c r="U4" s="15" t="s">
        <v>1</v>
      </c>
    </row>
    <row r="5" spans="1:23" ht="25.15" customHeight="1" thickBot="1" x14ac:dyDescent="0.3">
      <c r="A5" s="17"/>
      <c r="B5" s="17"/>
      <c r="C5" s="17"/>
      <c r="D5" s="17"/>
      <c r="E5" s="17"/>
      <c r="F5" s="17"/>
      <c r="G5" s="20"/>
      <c r="H5" s="36"/>
      <c r="I5" s="38"/>
      <c r="J5" s="38"/>
      <c r="K5" s="38"/>
      <c r="L5" s="40"/>
      <c r="M5" s="40"/>
      <c r="N5" s="31"/>
      <c r="O5" s="31"/>
      <c r="P5" s="31"/>
      <c r="Q5" s="31"/>
      <c r="R5" s="20"/>
      <c r="S5" s="42"/>
      <c r="T5" s="33"/>
      <c r="U5" s="17"/>
    </row>
    <row r="6" spans="1:23" ht="16.899999999999999" customHeight="1" x14ac:dyDescent="0.25">
      <c r="A6" s="15">
        <v>1</v>
      </c>
      <c r="B6" s="18" t="s">
        <v>88</v>
      </c>
      <c r="C6" s="18" t="s">
        <v>6</v>
      </c>
      <c r="D6" s="18" t="s">
        <v>89</v>
      </c>
      <c r="E6" s="18" t="s">
        <v>94</v>
      </c>
      <c r="F6" s="18" t="s">
        <v>2</v>
      </c>
      <c r="G6" s="24" t="s">
        <v>19</v>
      </c>
      <c r="H6" s="27" t="s">
        <v>80</v>
      </c>
      <c r="I6" s="6" t="s">
        <v>7</v>
      </c>
      <c r="J6" s="6"/>
      <c r="K6" s="6"/>
      <c r="L6" s="46" t="s">
        <v>104</v>
      </c>
      <c r="M6" s="6"/>
      <c r="N6" s="8" t="s">
        <v>52</v>
      </c>
      <c r="O6" s="8" t="s">
        <v>38</v>
      </c>
      <c r="P6" s="8" t="s">
        <v>42</v>
      </c>
      <c r="Q6" s="8" t="s">
        <v>49</v>
      </c>
      <c r="R6" s="6" t="s">
        <v>7</v>
      </c>
      <c r="S6" s="21" t="s">
        <v>83</v>
      </c>
      <c r="T6" s="15" t="s">
        <v>84</v>
      </c>
      <c r="U6" s="15"/>
    </row>
    <row r="7" spans="1:23" ht="34.9" customHeight="1" x14ac:dyDescent="0.25">
      <c r="A7" s="16"/>
      <c r="B7" s="19"/>
      <c r="C7" s="19"/>
      <c r="D7" s="19"/>
      <c r="E7" s="19"/>
      <c r="F7" s="19"/>
      <c r="G7" s="25"/>
      <c r="H7" s="28"/>
      <c r="I7" s="6" t="s">
        <v>8</v>
      </c>
      <c r="J7" s="6"/>
      <c r="K7" s="6"/>
      <c r="L7" s="6"/>
      <c r="M7" s="6"/>
      <c r="N7" s="8"/>
      <c r="O7" s="8"/>
      <c r="P7" s="8"/>
      <c r="Q7" s="8" t="s">
        <v>50</v>
      </c>
      <c r="R7" s="6" t="s">
        <v>33</v>
      </c>
      <c r="S7" s="22"/>
      <c r="T7" s="16"/>
      <c r="U7" s="16"/>
      <c r="W7" s="4"/>
    </row>
    <row r="8" spans="1:23" x14ac:dyDescent="0.25">
      <c r="A8" s="16"/>
      <c r="B8" s="19"/>
      <c r="C8" s="19"/>
      <c r="D8" s="19"/>
      <c r="E8" s="19"/>
      <c r="F8" s="19"/>
      <c r="G8" s="25"/>
      <c r="H8" s="28"/>
      <c r="I8" s="6" t="s">
        <v>15</v>
      </c>
      <c r="J8" s="6"/>
      <c r="K8" s="6"/>
      <c r="L8" s="6"/>
      <c r="M8" s="6"/>
      <c r="N8" s="8"/>
      <c r="O8" s="8"/>
      <c r="P8" s="8"/>
      <c r="Q8" s="8"/>
      <c r="R8" s="6" t="s">
        <v>25</v>
      </c>
      <c r="S8" s="22"/>
      <c r="T8" s="16"/>
      <c r="U8" s="16"/>
    </row>
    <row r="9" spans="1:23" ht="32.65" customHeight="1" thickBot="1" x14ac:dyDescent="0.3">
      <c r="A9" s="17"/>
      <c r="B9" s="20"/>
      <c r="C9" s="20"/>
      <c r="D9" s="20"/>
      <c r="E9" s="20"/>
      <c r="F9" s="20"/>
      <c r="G9" s="26"/>
      <c r="H9" s="29"/>
      <c r="I9" s="7" t="s">
        <v>96</v>
      </c>
      <c r="J9" s="7"/>
      <c r="K9" s="7"/>
      <c r="L9" s="7"/>
      <c r="M9" s="7"/>
      <c r="N9" s="9"/>
      <c r="O9" s="9"/>
      <c r="P9" s="9"/>
      <c r="Q9" s="9"/>
      <c r="R9" s="7" t="s">
        <v>96</v>
      </c>
      <c r="S9" s="23"/>
      <c r="T9" s="17"/>
      <c r="U9" s="17"/>
    </row>
    <row r="10" spans="1:23" ht="16.899999999999999" customHeight="1" x14ac:dyDescent="0.25">
      <c r="A10" s="15">
        <v>2</v>
      </c>
      <c r="B10" s="18" t="s">
        <v>88</v>
      </c>
      <c r="C10" s="18" t="s">
        <v>6</v>
      </c>
      <c r="D10" s="18" t="s">
        <v>89</v>
      </c>
      <c r="E10" s="18" t="s">
        <v>95</v>
      </c>
      <c r="F10" s="18" t="s">
        <v>17</v>
      </c>
      <c r="G10" s="24" t="s">
        <v>5</v>
      </c>
      <c r="H10" s="27" t="s">
        <v>80</v>
      </c>
      <c r="I10" s="6" t="s">
        <v>7</v>
      </c>
      <c r="J10" s="6" t="s">
        <v>12</v>
      </c>
      <c r="K10" s="6"/>
      <c r="L10" s="6"/>
      <c r="M10" s="6"/>
      <c r="N10" s="8" t="s">
        <v>52</v>
      </c>
      <c r="O10" s="8" t="s">
        <v>36</v>
      </c>
      <c r="P10" s="8" t="s">
        <v>43</v>
      </c>
      <c r="Q10" s="8" t="s">
        <v>51</v>
      </c>
      <c r="R10" s="6" t="s">
        <v>7</v>
      </c>
      <c r="S10" s="21" t="s">
        <v>40</v>
      </c>
      <c r="T10" s="15" t="s">
        <v>84</v>
      </c>
      <c r="U10" s="15"/>
    </row>
    <row r="11" spans="1:23" ht="22.9" customHeight="1" x14ac:dyDescent="0.25">
      <c r="A11" s="16"/>
      <c r="B11" s="19"/>
      <c r="C11" s="19"/>
      <c r="D11" s="19"/>
      <c r="E11" s="19"/>
      <c r="F11" s="19"/>
      <c r="G11" s="25"/>
      <c r="H11" s="28"/>
      <c r="I11" s="6" t="s">
        <v>13</v>
      </c>
      <c r="J11" s="6" t="s">
        <v>8</v>
      </c>
      <c r="K11" s="6"/>
      <c r="L11" s="6"/>
      <c r="M11" s="6"/>
      <c r="N11" s="8" t="s">
        <v>53</v>
      </c>
      <c r="O11" s="8" t="s">
        <v>37</v>
      </c>
      <c r="P11" s="8" t="s">
        <v>44</v>
      </c>
      <c r="Q11" s="8"/>
      <c r="R11" s="6" t="s">
        <v>33</v>
      </c>
      <c r="S11" s="22"/>
      <c r="T11" s="16"/>
      <c r="U11" s="16"/>
    </row>
    <row r="12" spans="1:23" x14ac:dyDescent="0.25">
      <c r="A12" s="16"/>
      <c r="B12" s="19"/>
      <c r="C12" s="19"/>
      <c r="D12" s="19"/>
      <c r="E12" s="19"/>
      <c r="F12" s="19"/>
      <c r="G12" s="25"/>
      <c r="H12" s="28"/>
      <c r="I12" s="6" t="s">
        <v>9</v>
      </c>
      <c r="J12" s="6" t="s">
        <v>97</v>
      </c>
      <c r="K12" s="6"/>
      <c r="L12" s="6"/>
      <c r="M12" s="6"/>
      <c r="N12" s="8" t="s">
        <v>54</v>
      </c>
      <c r="O12" s="8" t="s">
        <v>38</v>
      </c>
      <c r="P12" s="8"/>
      <c r="Q12" s="8"/>
      <c r="R12" s="6" t="s">
        <v>31</v>
      </c>
      <c r="S12" s="22"/>
      <c r="T12" s="16"/>
      <c r="U12" s="16"/>
    </row>
    <row r="13" spans="1:23" ht="38.65" customHeight="1" thickBot="1" x14ac:dyDescent="0.3">
      <c r="A13" s="17"/>
      <c r="B13" s="20"/>
      <c r="C13" s="20"/>
      <c r="D13" s="20"/>
      <c r="E13" s="20"/>
      <c r="F13" s="20"/>
      <c r="G13" s="26"/>
      <c r="H13" s="29"/>
      <c r="I13" s="7" t="s">
        <v>14</v>
      </c>
      <c r="J13" s="7" t="s">
        <v>10</v>
      </c>
      <c r="K13" s="7"/>
      <c r="L13" s="7"/>
      <c r="M13" s="7"/>
      <c r="N13" s="9"/>
      <c r="O13" s="9" t="s">
        <v>39</v>
      </c>
      <c r="P13" s="9"/>
      <c r="Q13" s="9"/>
      <c r="R13" s="7" t="s">
        <v>96</v>
      </c>
      <c r="S13" s="23"/>
      <c r="T13" s="17"/>
      <c r="U13" s="17"/>
    </row>
    <row r="14" spans="1:23" ht="16.899999999999999" customHeight="1" x14ac:dyDescent="0.25">
      <c r="A14" s="15">
        <v>3</v>
      </c>
      <c r="B14" s="18" t="s">
        <v>88</v>
      </c>
      <c r="C14" s="18" t="s">
        <v>6</v>
      </c>
      <c r="D14" s="18" t="s">
        <v>89</v>
      </c>
      <c r="E14" s="18" t="s">
        <v>98</v>
      </c>
      <c r="F14" s="18" t="s">
        <v>17</v>
      </c>
      <c r="G14" s="24" t="s">
        <v>5</v>
      </c>
      <c r="H14" s="27" t="s">
        <v>79</v>
      </c>
      <c r="I14" s="6" t="s">
        <v>7</v>
      </c>
      <c r="J14" s="6" t="s">
        <v>12</v>
      </c>
      <c r="K14" s="6"/>
      <c r="L14" s="46" t="s">
        <v>104</v>
      </c>
      <c r="M14" s="6"/>
      <c r="N14" s="8" t="s">
        <v>52</v>
      </c>
      <c r="O14" s="8" t="s">
        <v>36</v>
      </c>
      <c r="P14" s="8" t="s">
        <v>43</v>
      </c>
      <c r="Q14" s="8"/>
      <c r="R14" s="6" t="s">
        <v>7</v>
      </c>
      <c r="S14" s="21" t="s">
        <v>40</v>
      </c>
      <c r="T14" s="15" t="s">
        <v>84</v>
      </c>
      <c r="U14" s="15"/>
    </row>
    <row r="15" spans="1:23" ht="22.9" customHeight="1" x14ac:dyDescent="0.25">
      <c r="A15" s="16"/>
      <c r="B15" s="19"/>
      <c r="C15" s="19"/>
      <c r="D15" s="19"/>
      <c r="E15" s="19"/>
      <c r="F15" s="19"/>
      <c r="G15" s="25"/>
      <c r="H15" s="28"/>
      <c r="I15" s="6" t="s">
        <v>13</v>
      </c>
      <c r="J15" s="6" t="s">
        <v>8</v>
      </c>
      <c r="K15" s="6"/>
      <c r="L15" s="6"/>
      <c r="M15" s="6"/>
      <c r="N15" s="8" t="s">
        <v>53</v>
      </c>
      <c r="O15" s="8" t="s">
        <v>37</v>
      </c>
      <c r="P15" s="8" t="s">
        <v>44</v>
      </c>
      <c r="Q15" s="8"/>
      <c r="R15" s="6" t="s">
        <v>26</v>
      </c>
      <c r="S15" s="22"/>
      <c r="T15" s="16"/>
      <c r="U15" s="16"/>
    </row>
    <row r="16" spans="1:23" x14ac:dyDescent="0.25">
      <c r="A16" s="16"/>
      <c r="B16" s="19"/>
      <c r="C16" s="19"/>
      <c r="D16" s="19"/>
      <c r="E16" s="19"/>
      <c r="F16" s="19"/>
      <c r="G16" s="25"/>
      <c r="H16" s="28"/>
      <c r="I16" s="6" t="s">
        <v>9</v>
      </c>
      <c r="J16" s="6" t="s">
        <v>97</v>
      </c>
      <c r="K16" s="6"/>
      <c r="L16" s="6"/>
      <c r="M16" s="6"/>
      <c r="N16" s="8"/>
      <c r="O16" s="8" t="s">
        <v>38</v>
      </c>
      <c r="P16" s="8"/>
      <c r="Q16" s="8"/>
      <c r="R16" s="6" t="s">
        <v>25</v>
      </c>
      <c r="S16" s="22"/>
      <c r="T16" s="16"/>
      <c r="U16" s="16"/>
    </row>
    <row r="17" spans="1:21" ht="28.15" customHeight="1" thickBot="1" x14ac:dyDescent="0.3">
      <c r="A17" s="17"/>
      <c r="B17" s="20"/>
      <c r="C17" s="20"/>
      <c r="D17" s="20"/>
      <c r="E17" s="20"/>
      <c r="F17" s="20"/>
      <c r="G17" s="26"/>
      <c r="H17" s="29"/>
      <c r="I17" s="7" t="s">
        <v>14</v>
      </c>
      <c r="J17" s="7" t="s">
        <v>10</v>
      </c>
      <c r="K17" s="7"/>
      <c r="L17" s="7"/>
      <c r="M17" s="7"/>
      <c r="N17" s="9"/>
      <c r="O17" s="9" t="s">
        <v>39</v>
      </c>
      <c r="P17" s="9"/>
      <c r="Q17" s="9"/>
      <c r="R17" s="7" t="s">
        <v>14</v>
      </c>
      <c r="S17" s="23"/>
      <c r="T17" s="17"/>
      <c r="U17" s="17"/>
    </row>
    <row r="18" spans="1:21" ht="16.899999999999999" customHeight="1" x14ac:dyDescent="0.25">
      <c r="A18" s="15">
        <v>4</v>
      </c>
      <c r="B18" s="18" t="s">
        <v>88</v>
      </c>
      <c r="C18" s="18" t="s">
        <v>6</v>
      </c>
      <c r="D18" s="18" t="s">
        <v>90</v>
      </c>
      <c r="E18" s="18" t="s">
        <v>99</v>
      </c>
      <c r="F18" s="18" t="s">
        <v>18</v>
      </c>
      <c r="G18" s="24" t="s">
        <v>5</v>
      </c>
      <c r="H18" s="27" t="s">
        <v>79</v>
      </c>
      <c r="I18" s="6" t="s">
        <v>7</v>
      </c>
      <c r="J18" s="6" t="s">
        <v>12</v>
      </c>
      <c r="K18" s="6"/>
      <c r="L18" s="6" t="s">
        <v>7</v>
      </c>
      <c r="M18" s="6"/>
      <c r="N18" s="8" t="s">
        <v>52</v>
      </c>
      <c r="O18" s="8" t="s">
        <v>38</v>
      </c>
      <c r="P18" s="8" t="s">
        <v>45</v>
      </c>
      <c r="Q18" s="8"/>
      <c r="R18" s="2"/>
      <c r="S18" s="21" t="s">
        <v>40</v>
      </c>
      <c r="T18" s="15"/>
      <c r="U18" s="15"/>
    </row>
    <row r="19" spans="1:21" x14ac:dyDescent="0.25">
      <c r="A19" s="16"/>
      <c r="B19" s="19"/>
      <c r="C19" s="19"/>
      <c r="D19" s="19"/>
      <c r="E19" s="19"/>
      <c r="F19" s="19"/>
      <c r="G19" s="25"/>
      <c r="H19" s="28"/>
      <c r="I19" s="6" t="s">
        <v>13</v>
      </c>
      <c r="J19" s="6" t="s">
        <v>8</v>
      </c>
      <c r="K19" s="6"/>
      <c r="L19" s="6" t="s">
        <v>16</v>
      </c>
      <c r="M19" s="6"/>
      <c r="N19" s="8" t="s">
        <v>56</v>
      </c>
      <c r="O19" s="8"/>
      <c r="P19" s="8" t="s">
        <v>46</v>
      </c>
      <c r="Q19" s="8"/>
      <c r="R19" s="2"/>
      <c r="S19" s="22"/>
      <c r="T19" s="16"/>
      <c r="U19" s="16"/>
    </row>
    <row r="20" spans="1:21" x14ac:dyDescent="0.25">
      <c r="A20" s="16"/>
      <c r="B20" s="19"/>
      <c r="C20" s="19"/>
      <c r="D20" s="19"/>
      <c r="E20" s="19"/>
      <c r="F20" s="19"/>
      <c r="G20" s="25"/>
      <c r="H20" s="28"/>
      <c r="I20" s="6" t="s">
        <v>15</v>
      </c>
      <c r="J20" s="6" t="s">
        <v>97</v>
      </c>
      <c r="K20" s="6"/>
      <c r="L20" s="6" t="s">
        <v>15</v>
      </c>
      <c r="M20" s="6"/>
      <c r="N20" s="8"/>
      <c r="O20" s="8"/>
      <c r="P20" s="8"/>
      <c r="Q20" s="8"/>
      <c r="R20" s="2"/>
      <c r="S20" s="22"/>
      <c r="T20" s="16"/>
      <c r="U20" s="16"/>
    </row>
    <row r="21" spans="1:21" ht="29.25" thickBot="1" x14ac:dyDescent="0.3">
      <c r="A21" s="17"/>
      <c r="B21" s="20"/>
      <c r="C21" s="20"/>
      <c r="D21" s="20"/>
      <c r="E21" s="20"/>
      <c r="F21" s="20"/>
      <c r="G21" s="26"/>
      <c r="H21" s="29"/>
      <c r="I21" s="7" t="s">
        <v>14</v>
      </c>
      <c r="J21" s="7" t="s">
        <v>10</v>
      </c>
      <c r="K21" s="7"/>
      <c r="L21" s="7" t="s">
        <v>76</v>
      </c>
      <c r="M21" s="7"/>
      <c r="N21" s="9"/>
      <c r="O21" s="9"/>
      <c r="P21" s="9"/>
      <c r="Q21" s="9"/>
      <c r="R21" s="3"/>
      <c r="S21" s="23"/>
      <c r="T21" s="17"/>
      <c r="U21" s="17"/>
    </row>
    <row r="22" spans="1:21" ht="16.899999999999999" customHeight="1" x14ac:dyDescent="0.25">
      <c r="A22" s="15">
        <v>5</v>
      </c>
      <c r="B22" s="18" t="s">
        <v>88</v>
      </c>
      <c r="C22" s="18" t="s">
        <v>6</v>
      </c>
      <c r="D22" s="18" t="s">
        <v>91</v>
      </c>
      <c r="E22" s="18" t="s">
        <v>100</v>
      </c>
      <c r="F22" s="18" t="s">
        <v>27</v>
      </c>
      <c r="G22" s="24" t="s">
        <v>28</v>
      </c>
      <c r="H22" s="27" t="s">
        <v>79</v>
      </c>
      <c r="I22" s="6"/>
      <c r="J22" s="6"/>
      <c r="K22" s="6"/>
      <c r="L22" s="6" t="s">
        <v>7</v>
      </c>
      <c r="M22" s="6"/>
      <c r="N22" s="8" t="s">
        <v>55</v>
      </c>
      <c r="O22" s="8" t="s">
        <v>40</v>
      </c>
      <c r="P22" s="8" t="s">
        <v>47</v>
      </c>
      <c r="Q22" s="8"/>
      <c r="R22" s="2"/>
      <c r="S22" s="21" t="s">
        <v>82</v>
      </c>
      <c r="T22" s="15"/>
      <c r="U22" s="15"/>
    </row>
    <row r="23" spans="1:21" x14ac:dyDescent="0.25">
      <c r="A23" s="16"/>
      <c r="B23" s="19"/>
      <c r="C23" s="19"/>
      <c r="D23" s="19"/>
      <c r="E23" s="19"/>
      <c r="F23" s="19"/>
      <c r="G23" s="25"/>
      <c r="H23" s="28"/>
      <c r="I23" s="6"/>
      <c r="J23" s="6"/>
      <c r="K23" s="6"/>
      <c r="L23" s="6" t="s">
        <v>16</v>
      </c>
      <c r="M23" s="6"/>
      <c r="N23" s="8"/>
      <c r="O23" s="8"/>
      <c r="P23" s="8"/>
      <c r="Q23" s="8"/>
      <c r="R23" s="2"/>
      <c r="S23" s="22"/>
      <c r="T23" s="16"/>
      <c r="U23" s="16"/>
    </row>
    <row r="24" spans="1:21" x14ac:dyDescent="0.25">
      <c r="A24" s="16"/>
      <c r="B24" s="19"/>
      <c r="C24" s="19"/>
      <c r="D24" s="19"/>
      <c r="E24" s="19"/>
      <c r="F24" s="19"/>
      <c r="G24" s="25"/>
      <c r="H24" s="28"/>
      <c r="I24" s="6"/>
      <c r="J24" s="6"/>
      <c r="K24" s="6"/>
      <c r="L24" s="6" t="s">
        <v>15</v>
      </c>
      <c r="M24" s="6"/>
      <c r="N24" s="8"/>
      <c r="O24" s="8"/>
      <c r="P24" s="8"/>
      <c r="Q24" s="8"/>
      <c r="R24" s="2"/>
      <c r="S24" s="22"/>
      <c r="T24" s="16"/>
      <c r="U24" s="16"/>
    </row>
    <row r="25" spans="1:21" ht="40.5" customHeight="1" thickBot="1" x14ac:dyDescent="0.3">
      <c r="A25" s="17"/>
      <c r="B25" s="20"/>
      <c r="C25" s="20"/>
      <c r="D25" s="20"/>
      <c r="E25" s="20"/>
      <c r="F25" s="20"/>
      <c r="G25" s="26"/>
      <c r="H25" s="29"/>
      <c r="I25" s="7"/>
      <c r="J25" s="7"/>
      <c r="K25" s="7"/>
      <c r="L25" s="7" t="s">
        <v>76</v>
      </c>
      <c r="M25" s="7"/>
      <c r="N25" s="9"/>
      <c r="O25" s="9"/>
      <c r="P25" s="9"/>
      <c r="Q25" s="9"/>
      <c r="R25" s="3"/>
      <c r="S25" s="23"/>
      <c r="T25" s="17"/>
      <c r="U25" s="17"/>
    </row>
    <row r="26" spans="1:21" ht="22.9" customHeight="1" x14ac:dyDescent="0.25">
      <c r="A26" s="15">
        <v>6</v>
      </c>
      <c r="B26" s="18" t="s">
        <v>88</v>
      </c>
      <c r="C26" s="18" t="s">
        <v>58</v>
      </c>
      <c r="D26" s="18" t="s">
        <v>90</v>
      </c>
      <c r="E26" s="18" t="s">
        <v>101</v>
      </c>
      <c r="F26" s="18" t="s">
        <v>59</v>
      </c>
      <c r="G26" s="24" t="s">
        <v>28</v>
      </c>
      <c r="H26" s="27" t="s">
        <v>79</v>
      </c>
      <c r="I26" s="6"/>
      <c r="J26" s="6"/>
      <c r="K26" s="6"/>
      <c r="L26" s="6" t="s">
        <v>62</v>
      </c>
      <c r="M26" s="6" t="s">
        <v>62</v>
      </c>
      <c r="N26" s="8" t="s">
        <v>54</v>
      </c>
      <c r="O26" s="8" t="s">
        <v>36</v>
      </c>
      <c r="P26" s="8" t="s">
        <v>43</v>
      </c>
      <c r="Q26" s="8" t="s">
        <v>66</v>
      </c>
      <c r="R26" s="2"/>
      <c r="S26" s="21" t="s">
        <v>40</v>
      </c>
      <c r="T26" s="15"/>
      <c r="U26" s="15"/>
    </row>
    <row r="27" spans="1:21" ht="28.5" x14ac:dyDescent="0.25">
      <c r="A27" s="16"/>
      <c r="B27" s="19"/>
      <c r="C27" s="19"/>
      <c r="D27" s="19"/>
      <c r="E27" s="19"/>
      <c r="F27" s="19"/>
      <c r="G27" s="25"/>
      <c r="H27" s="28"/>
      <c r="I27" s="6"/>
      <c r="J27" s="6"/>
      <c r="K27" s="6"/>
      <c r="L27" s="6" t="s">
        <v>65</v>
      </c>
      <c r="M27" s="6" t="s">
        <v>63</v>
      </c>
      <c r="N27" s="8"/>
      <c r="O27" s="8" t="s">
        <v>37</v>
      </c>
      <c r="P27" s="8"/>
      <c r="Q27" s="8"/>
      <c r="R27" s="2"/>
      <c r="S27" s="22"/>
      <c r="T27" s="16"/>
      <c r="U27" s="16"/>
    </row>
    <row r="28" spans="1:21" x14ac:dyDescent="0.25">
      <c r="A28" s="16"/>
      <c r="B28" s="19"/>
      <c r="C28" s="19"/>
      <c r="D28" s="19"/>
      <c r="E28" s="19"/>
      <c r="F28" s="19"/>
      <c r="G28" s="25"/>
      <c r="H28" s="28"/>
      <c r="I28" s="6"/>
      <c r="J28" s="6"/>
      <c r="K28" s="6"/>
      <c r="L28" s="6" t="s">
        <v>15</v>
      </c>
      <c r="M28" s="6" t="s">
        <v>9</v>
      </c>
      <c r="N28" s="8"/>
      <c r="O28" s="8"/>
      <c r="P28" s="8"/>
      <c r="Q28" s="8"/>
      <c r="R28" s="2"/>
      <c r="S28" s="22"/>
      <c r="T28" s="16"/>
      <c r="U28" s="16"/>
    </row>
    <row r="29" spans="1:21" ht="29.25" thickBot="1" x14ac:dyDescent="0.3">
      <c r="A29" s="17"/>
      <c r="B29" s="20"/>
      <c r="C29" s="20"/>
      <c r="D29" s="20"/>
      <c r="E29" s="20"/>
      <c r="F29" s="20"/>
      <c r="G29" s="26"/>
      <c r="H29" s="29"/>
      <c r="I29" s="7"/>
      <c r="J29" s="7"/>
      <c r="K29" s="7"/>
      <c r="L29" s="7" t="s">
        <v>24</v>
      </c>
      <c r="M29" s="7" t="s">
        <v>11</v>
      </c>
      <c r="N29" s="9"/>
      <c r="O29" s="9"/>
      <c r="P29" s="9"/>
      <c r="Q29" s="9"/>
      <c r="R29" s="3"/>
      <c r="S29" s="23"/>
      <c r="T29" s="17"/>
      <c r="U29" s="17"/>
    </row>
    <row r="30" spans="1:21" ht="16.899999999999999" customHeight="1" x14ac:dyDescent="0.25">
      <c r="A30" s="15">
        <v>7</v>
      </c>
      <c r="B30" s="18" t="s">
        <v>88</v>
      </c>
      <c r="C30" s="18" t="s">
        <v>71</v>
      </c>
      <c r="D30" s="18" t="s">
        <v>91</v>
      </c>
      <c r="E30" s="18" t="s">
        <v>102</v>
      </c>
      <c r="F30" s="18" t="s">
        <v>59</v>
      </c>
      <c r="G30" s="24" t="s">
        <v>28</v>
      </c>
      <c r="H30" s="18" t="s">
        <v>77</v>
      </c>
      <c r="I30" s="6"/>
      <c r="J30" s="6"/>
      <c r="K30" s="6"/>
      <c r="L30" s="6" t="s">
        <v>7</v>
      </c>
      <c r="M30" s="6" t="s">
        <v>7</v>
      </c>
      <c r="N30" s="8" t="s">
        <v>54</v>
      </c>
      <c r="O30" s="8" t="s">
        <v>36</v>
      </c>
      <c r="P30" s="8" t="s">
        <v>42</v>
      </c>
      <c r="Q30" s="8" t="s">
        <v>72</v>
      </c>
      <c r="R30" s="2"/>
      <c r="S30" s="21" t="s">
        <v>82</v>
      </c>
      <c r="T30" s="15"/>
      <c r="U30" s="15"/>
    </row>
    <row r="31" spans="1:21" ht="28.5" x14ac:dyDescent="0.25">
      <c r="A31" s="16"/>
      <c r="B31" s="19"/>
      <c r="C31" s="19"/>
      <c r="D31" s="19"/>
      <c r="E31" s="19"/>
      <c r="F31" s="19"/>
      <c r="G31" s="25"/>
      <c r="H31" s="19"/>
      <c r="I31" s="6"/>
      <c r="J31" s="6"/>
      <c r="K31" s="6"/>
      <c r="L31" s="6" t="s">
        <v>65</v>
      </c>
      <c r="M31" s="6" t="s">
        <v>20</v>
      </c>
      <c r="N31" s="8"/>
      <c r="O31" s="8" t="s">
        <v>37</v>
      </c>
      <c r="P31" s="8" t="s">
        <v>43</v>
      </c>
      <c r="Q31" s="8"/>
      <c r="R31" s="2"/>
      <c r="S31" s="22"/>
      <c r="T31" s="16"/>
      <c r="U31" s="16"/>
    </row>
    <row r="32" spans="1:21" x14ac:dyDescent="0.25">
      <c r="A32" s="16"/>
      <c r="B32" s="19"/>
      <c r="C32" s="19"/>
      <c r="D32" s="19"/>
      <c r="E32" s="19"/>
      <c r="F32" s="19"/>
      <c r="G32" s="25"/>
      <c r="H32" s="19"/>
      <c r="I32" s="6"/>
      <c r="J32" s="6"/>
      <c r="K32" s="6"/>
      <c r="L32" s="6" t="s">
        <v>9</v>
      </c>
      <c r="M32" s="6" t="s">
        <v>15</v>
      </c>
      <c r="N32" s="8"/>
      <c r="O32" s="8"/>
      <c r="P32" s="8"/>
      <c r="Q32" s="8"/>
      <c r="R32" s="2"/>
      <c r="S32" s="22"/>
      <c r="T32" s="16"/>
      <c r="U32" s="16"/>
    </row>
    <row r="33" spans="1:21" ht="17.25" thickBot="1" x14ac:dyDescent="0.3">
      <c r="A33" s="17"/>
      <c r="B33" s="20"/>
      <c r="C33" s="20"/>
      <c r="D33" s="20"/>
      <c r="E33" s="20"/>
      <c r="F33" s="20"/>
      <c r="G33" s="26"/>
      <c r="H33" s="20"/>
      <c r="I33" s="7"/>
      <c r="J33" s="7"/>
      <c r="K33" s="7"/>
      <c r="L33" s="7"/>
      <c r="M33" s="7"/>
      <c r="N33" s="9"/>
      <c r="O33" s="9"/>
      <c r="P33" s="9"/>
      <c r="Q33" s="9"/>
      <c r="R33" s="3"/>
      <c r="S33" s="23"/>
      <c r="T33" s="17"/>
      <c r="U33" s="17"/>
    </row>
    <row r="34" spans="1:21" s="12" customFormat="1" ht="11.25" x14ac:dyDescent="0.25">
      <c r="A34" s="10" t="s">
        <v>78</v>
      </c>
      <c r="B34" s="11"/>
      <c r="C34" s="11"/>
      <c r="D34" s="11"/>
      <c r="E34" s="11"/>
      <c r="F34" s="11"/>
      <c r="G34" s="11"/>
      <c r="H34" s="11"/>
      <c r="I34" s="11"/>
      <c r="J34" s="11"/>
      <c r="K34" s="11"/>
      <c r="L34" s="11"/>
      <c r="M34" s="11"/>
      <c r="N34" s="11"/>
      <c r="O34" s="11"/>
      <c r="P34" s="11"/>
      <c r="Q34" s="11"/>
    </row>
    <row r="35" spans="1:21" s="12" customFormat="1" ht="11.25" x14ac:dyDescent="0.25">
      <c r="A35" s="10" t="s">
        <v>64</v>
      </c>
    </row>
    <row r="36" spans="1:21" s="12" customFormat="1" ht="11.25" x14ac:dyDescent="0.25">
      <c r="A36" s="10" t="s">
        <v>60</v>
      </c>
    </row>
  </sheetData>
  <mergeCells count="99">
    <mergeCell ref="A2:U2"/>
    <mergeCell ref="A4:A5"/>
    <mergeCell ref="B4:B5"/>
    <mergeCell ref="C4:C5"/>
    <mergeCell ref="D4:D5"/>
    <mergeCell ref="E4:E5"/>
    <mergeCell ref="F4:F5"/>
    <mergeCell ref="G4:G5"/>
    <mergeCell ref="H4:H5"/>
    <mergeCell ref="I4:I5"/>
    <mergeCell ref="K4:K5"/>
    <mergeCell ref="J4:J5"/>
    <mergeCell ref="L4:L5"/>
    <mergeCell ref="M4:M5"/>
    <mergeCell ref="U4:U5"/>
    <mergeCell ref="S4:S5"/>
    <mergeCell ref="F6:F9"/>
    <mergeCell ref="G6:G9"/>
    <mergeCell ref="H6:H9"/>
    <mergeCell ref="U6:U9"/>
    <mergeCell ref="O4:O5"/>
    <mergeCell ref="P4:P5"/>
    <mergeCell ref="Q4:Q5"/>
    <mergeCell ref="R4:R5"/>
    <mergeCell ref="N4:N5"/>
    <mergeCell ref="T4:T5"/>
    <mergeCell ref="T6:T9"/>
    <mergeCell ref="S6:S9"/>
    <mergeCell ref="A10:A13"/>
    <mergeCell ref="B10:B13"/>
    <mergeCell ref="C10:C13"/>
    <mergeCell ref="D10:D13"/>
    <mergeCell ref="E10:E13"/>
    <mergeCell ref="A6:A9"/>
    <mergeCell ref="B6:B9"/>
    <mergeCell ref="C6:C9"/>
    <mergeCell ref="D6:D9"/>
    <mergeCell ref="E6:E9"/>
    <mergeCell ref="H18:H21"/>
    <mergeCell ref="U18:U21"/>
    <mergeCell ref="A14:A17"/>
    <mergeCell ref="B14:B17"/>
    <mergeCell ref="C14:C17"/>
    <mergeCell ref="D14:D17"/>
    <mergeCell ref="E14:E17"/>
    <mergeCell ref="T18:T21"/>
    <mergeCell ref="S14:S17"/>
    <mergeCell ref="S18:S21"/>
    <mergeCell ref="G10:G13"/>
    <mergeCell ref="H10:H13"/>
    <mergeCell ref="U10:U13"/>
    <mergeCell ref="F14:F17"/>
    <mergeCell ref="G14:G17"/>
    <mergeCell ref="H14:H17"/>
    <mergeCell ref="U14:U17"/>
    <mergeCell ref="F10:F13"/>
    <mergeCell ref="T10:T13"/>
    <mergeCell ref="T14:T17"/>
    <mergeCell ref="S10:S13"/>
    <mergeCell ref="F22:F25"/>
    <mergeCell ref="G22:G25"/>
    <mergeCell ref="H22:H25"/>
    <mergeCell ref="U22:U25"/>
    <mergeCell ref="A18:A21"/>
    <mergeCell ref="B18:B21"/>
    <mergeCell ref="C18:C21"/>
    <mergeCell ref="A22:A25"/>
    <mergeCell ref="B22:B25"/>
    <mergeCell ref="C22:C25"/>
    <mergeCell ref="D22:D25"/>
    <mergeCell ref="E22:E25"/>
    <mergeCell ref="D18:D21"/>
    <mergeCell ref="E18:E21"/>
    <mergeCell ref="F18:F21"/>
    <mergeCell ref="G18:G21"/>
    <mergeCell ref="A30:A33"/>
    <mergeCell ref="B30:B33"/>
    <mergeCell ref="C30:C33"/>
    <mergeCell ref="D30:D33"/>
    <mergeCell ref="E30:E33"/>
    <mergeCell ref="A26:A29"/>
    <mergeCell ref="B26:B29"/>
    <mergeCell ref="C26:C29"/>
    <mergeCell ref="D26:D29"/>
    <mergeCell ref="E26:E29"/>
    <mergeCell ref="G26:G29"/>
    <mergeCell ref="H26:H29"/>
    <mergeCell ref="U26:U29"/>
    <mergeCell ref="F30:F33"/>
    <mergeCell ref="G30:G33"/>
    <mergeCell ref="F26:F29"/>
    <mergeCell ref="S26:S29"/>
    <mergeCell ref="S30:S33"/>
    <mergeCell ref="T22:T25"/>
    <mergeCell ref="T26:T29"/>
    <mergeCell ref="T30:T33"/>
    <mergeCell ref="H30:H33"/>
    <mergeCell ref="U30:U33"/>
    <mergeCell ref="S22:S25"/>
  </mergeCells>
  <phoneticPr fontId="5" type="noConversion"/>
  <dataValidations count="20">
    <dataValidation type="list" allowBlank="1" showInputMessage="1" showErrorMessage="1" sqref="F6:F33">
      <formula1>"智能障礙,學習障礙,自閉症,聽覺障礙,情緒行為障礙,語言障礙,肢體障礙,腦性麻痺,身體病弱,視覺障礙,多重障礙,發展遲緩,其他障礙,一般智優,學術資優,藝才資優,創造力資優,領導資優,其他資優"</formula1>
    </dataValidation>
    <dataValidation type="list" allowBlank="1" showInputMessage="1" showErrorMessage="1" sqref="L26:M26 L10:M10 L14:M14 L18:M18 L22:M22 L30:M30 M6">
      <formula1>"外加,抽離,原班,學策融入學科"</formula1>
    </dataValidation>
    <dataValidation type="list" allowBlank="1" showInputMessage="1" showErrorMessage="1" sqref="N6:N33">
      <formula1>"紙筆測驗,口頭測驗,指認,觀察評量,實作評量,檔案評量,同儕互評,自我評量"</formula1>
    </dataValidation>
    <dataValidation type="list" allowBlank="1" showInputMessage="1" showErrorMessage="1" sqref="Q6:Q33">
      <formula1>"學習區,座位安排,特教生助理,處室支援,教師安排,同儕支持"</formula1>
    </dataValidation>
    <dataValidation type="list" allowBlank="1" showInputMessage="1" showErrorMessage="1" sqref="P6:P33">
      <formula1>"無,協助畫重點,關鍵字,閱讀指引,組織圖,工作分析,多感官,直接教學,合作學習,合作教學,多層次教學,角色扮演"</formula1>
    </dataValidation>
    <dataValidation type="list" allowBlank="1" showInputMessage="1" showErrorMessage="1" sqref="O6:O33">
      <formula1>"無,簡化,減量,分解,替代,重整,加深,加廣,濃縮"</formula1>
    </dataValidation>
    <dataValidation type="list" allowBlank="1" showInputMessage="1" showErrorMessage="1" sqref="D6:D33">
      <formula1>"1年級,2年級,3年級,4年級,5年級,6年級,7年級,8年級,9年級"</formula1>
    </dataValidation>
    <dataValidation type="list" allowBlank="1" showInputMessage="1" showErrorMessage="1" sqref="R24 R20 R16 R32 R28 R8 R12">
      <formula1>"1小時,2小時,3小時,4小時"</formula1>
    </dataValidation>
    <dataValidation type="list" allowBlank="1" showInputMessage="1" showErrorMessage="1" sqref="R23 R19 R15 R31 R27 R7 R11">
      <formula1>"語言治療,職能治療,物理治療,心理諮商"</formula1>
    </dataValidation>
    <dataValidation type="list" allowBlank="1" showInputMessage="1" showErrorMessage="1" sqref="L7:M7 L11:M11 L19:M19 L23:M23 L15:M15 L31:M31 L27:M27">
      <formula1>"生活管理,社會技巧,學習策略,職業教育,溝通訓練,點字,定向行動,功能性動作訓練,輔助科技應用,創造力,領導才能,情意發展,獨立研究,專長領域"</formula1>
    </dataValidation>
    <dataValidation type="list" allowBlank="1" showInputMessage="1" showErrorMessage="1" sqref="I27:K27 I7:K7 I31:K31 I15:K15 I23:K23 I19:K19 I11:K11">
      <formula1>"國語,英語,數學,社會,藝文,自然,健體,綜合"</formula1>
    </dataValidation>
    <dataValidation type="list" allowBlank="1" showInputMessage="1" showErrorMessage="1" sqref="R25 R21 R29 R17 R33 R9 I21:K21 I13:K13 I29:K29 I25:K25 I17:K17 I9:K9 I33:K33 R13">
      <formula1>"原班課程:早修,原班課程:國語,原班課程:英語,原班課程:健體,原班課程:社會,原班課程:藝文,原班課程:自然,原班課程:數學,原班課程:綜合,原班課程:其他"</formula1>
    </dataValidation>
    <dataValidation type="list" allowBlank="1" showInputMessage="1" showErrorMessage="1" sqref="R10 R18 R22 R30 R26 R14 I10:K10 I26:K26 I6:K6 I30:K30 I22:K22 I18:K18 I14:K14 R6">
      <formula1>"外加,抽離"</formula1>
    </dataValidation>
    <dataValidation type="list" allowBlank="1" showInputMessage="1" showErrorMessage="1" sqref="G6:G33">
      <formula1>"認知課程需求,社會適應或生活適應需求,輔助性需求(如輔具、聽能、點字等訓練)"</formula1>
    </dataValidation>
    <dataValidation type="list" allowBlank="1" showInputMessage="1" showErrorMessage="1" sqref="C6:C33">
      <formula1>"普通班特教服務,不分類身障資源班,集中式特教班,不分類巡迴輔導班,分類巡迴輔導班,在家教育巡迴輔導班,一般智優資源班,音樂專長資優資源班"</formula1>
    </dataValidation>
    <dataValidation type="list" allowBlank="1" showInputMessage="1" showErrorMessage="1" sqref="L9:M9 L13:M13 L17:M17 L21:M21 L25:M25 L29:M29 L33:M33">
      <formula1>"原班課程:課後,原班課程:彈性,原班課程:早修,原班課程:國語,原班課程:英語,原班課程:健體,原班課程:社會,原班課程:藝文,原班課程:自然,原班課程:數學,原班課程:綜合,原班課程:其他"</formula1>
    </dataValidation>
    <dataValidation type="list" allowBlank="1" showInputMessage="1" showErrorMessage="1" sqref="I32:M32 I16:M16 I24:M24 I20:M20 I12:M12 I8:M8 I28:M28">
      <formula1>"1節,2節,3節,4節,5節,6節,7節"</formula1>
    </dataValidation>
    <dataValidation type="list" allowBlank="1" showInputMessage="1" showErrorMessage="1" sqref="S6:S33">
      <formula1>"尚未申請,有巡迴輔導教學,無,其他"</formula1>
    </dataValidation>
    <dataValidation type="list" allowBlank="1" showInputMessage="1" showErrorMessage="1" sqref="T6:T33">
      <formula1>"已完成,因故轉銜未完成"</formula1>
    </dataValidation>
    <dataValidation type="list" allowBlank="1" showInputMessage="1" showErrorMessage="1" sqref="L6">
      <formula1>"外加,抽離,原班,學策融入學科"</formula1>
    </dataValidation>
  </dataValidations>
  <printOptions horizontalCentered="1"/>
  <pageMargins left="0.23622047244094491" right="0.23622047244094491" top="0.39370078740157483" bottom="0.15748031496062992" header="0.19685039370078741" footer="0.11811023622047245"/>
  <pageSetup paperSize="9" scale="77"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16"/>
  <sheetViews>
    <sheetView tabSelected="1" view="pageBreakPreview" zoomScaleNormal="100" zoomScaleSheetLayoutView="100" workbookViewId="0">
      <selection activeCell="AA15" sqref="AA15"/>
    </sheetView>
  </sheetViews>
  <sheetFormatPr defaultRowHeight="16.5" x14ac:dyDescent="0.25"/>
  <cols>
    <col min="1" max="1" width="3.25" customWidth="1"/>
    <col min="2" max="2" width="5" customWidth="1"/>
    <col min="3" max="3" width="6.875" customWidth="1"/>
    <col min="4" max="4" width="4" customWidth="1"/>
    <col min="5" max="5" width="4.75" customWidth="1"/>
    <col min="6" max="6" width="4.375" customWidth="1"/>
    <col min="7" max="7" width="6.25" customWidth="1"/>
    <col min="8" max="8" width="9" style="5" customWidth="1"/>
    <col min="9" max="9" width="8.75" style="5" customWidth="1"/>
    <col min="10" max="10" width="9.25" style="5" customWidth="1"/>
    <col min="11" max="11" width="9.125" style="5" customWidth="1"/>
    <col min="12" max="12" width="12" style="5" customWidth="1"/>
    <col min="13" max="13" width="8.75" style="5" customWidth="1"/>
    <col min="14" max="15" width="7.5" customWidth="1"/>
    <col min="16" max="16" width="7.75" customWidth="1"/>
    <col min="17" max="17" width="7.5" customWidth="1"/>
    <col min="18" max="18" width="7.625" customWidth="1"/>
    <col min="19" max="20" width="5.75" customWidth="1"/>
    <col min="21" max="21" width="6.375" customWidth="1"/>
  </cols>
  <sheetData>
    <row r="1" spans="1:23" x14ac:dyDescent="0.25">
      <c r="A1" s="4" t="s">
        <v>69</v>
      </c>
    </row>
    <row r="2" spans="1:23" ht="25.5" x14ac:dyDescent="0.25">
      <c r="A2" s="43" t="s">
        <v>92</v>
      </c>
      <c r="B2" s="43"/>
      <c r="C2" s="43"/>
      <c r="D2" s="43"/>
      <c r="E2" s="43"/>
      <c r="F2" s="43"/>
      <c r="G2" s="43"/>
      <c r="H2" s="43"/>
      <c r="I2" s="43"/>
      <c r="J2" s="43"/>
      <c r="K2" s="43"/>
      <c r="L2" s="43"/>
      <c r="M2" s="43"/>
      <c r="N2" s="43"/>
      <c r="O2" s="43"/>
      <c r="P2" s="43"/>
      <c r="Q2" s="43"/>
      <c r="R2" s="43"/>
      <c r="S2" s="43"/>
      <c r="T2" s="43"/>
      <c r="U2" s="43"/>
    </row>
    <row r="3" spans="1:23" ht="16.149999999999999" customHeight="1" thickBot="1" x14ac:dyDescent="0.3">
      <c r="A3" s="1" t="s">
        <v>0</v>
      </c>
    </row>
    <row r="4" spans="1:23" ht="16.149999999999999" customHeight="1" x14ac:dyDescent="0.25">
      <c r="A4" s="15"/>
      <c r="B4" s="15" t="s">
        <v>3</v>
      </c>
      <c r="C4" s="15" t="s">
        <v>4</v>
      </c>
      <c r="D4" s="15" t="s">
        <v>29</v>
      </c>
      <c r="E4" s="15" t="s">
        <v>34</v>
      </c>
      <c r="F4" s="15" t="s">
        <v>67</v>
      </c>
      <c r="G4" s="18" t="s">
        <v>85</v>
      </c>
      <c r="H4" s="35" t="s">
        <v>68</v>
      </c>
      <c r="I4" s="37" t="s">
        <v>73</v>
      </c>
      <c r="J4" s="37" t="s">
        <v>73</v>
      </c>
      <c r="K4" s="37" t="s">
        <v>73</v>
      </c>
      <c r="L4" s="39" t="s">
        <v>61</v>
      </c>
      <c r="M4" s="39" t="s">
        <v>70</v>
      </c>
      <c r="N4" s="44" t="s">
        <v>21</v>
      </c>
      <c r="O4" s="44" t="s">
        <v>35</v>
      </c>
      <c r="P4" s="44" t="s">
        <v>41</v>
      </c>
      <c r="Q4" s="44" t="s">
        <v>48</v>
      </c>
      <c r="R4" s="18" t="s">
        <v>23</v>
      </c>
      <c r="S4" s="41" t="s">
        <v>81</v>
      </c>
      <c r="T4" s="32" t="s">
        <v>87</v>
      </c>
      <c r="U4" s="15" t="s">
        <v>1</v>
      </c>
    </row>
    <row r="5" spans="1:23" ht="25.15" customHeight="1" thickBot="1" x14ac:dyDescent="0.3">
      <c r="A5" s="17"/>
      <c r="B5" s="17"/>
      <c r="C5" s="17"/>
      <c r="D5" s="17"/>
      <c r="E5" s="17"/>
      <c r="F5" s="17"/>
      <c r="G5" s="20"/>
      <c r="H5" s="36"/>
      <c r="I5" s="38"/>
      <c r="J5" s="38"/>
      <c r="K5" s="38"/>
      <c r="L5" s="40"/>
      <c r="M5" s="40"/>
      <c r="N5" s="45"/>
      <c r="O5" s="45"/>
      <c r="P5" s="45"/>
      <c r="Q5" s="45"/>
      <c r="R5" s="20"/>
      <c r="S5" s="42"/>
      <c r="T5" s="33"/>
      <c r="U5" s="17"/>
    </row>
    <row r="6" spans="1:23" ht="16.149999999999999" customHeight="1" x14ac:dyDescent="0.25">
      <c r="A6" s="15">
        <v>1</v>
      </c>
      <c r="B6" s="18" t="s">
        <v>74</v>
      </c>
      <c r="C6" s="18" t="s">
        <v>75</v>
      </c>
      <c r="D6" s="18" t="s">
        <v>30</v>
      </c>
      <c r="E6" s="18" t="s">
        <v>98</v>
      </c>
      <c r="F6" s="18" t="s">
        <v>17</v>
      </c>
      <c r="G6" s="24" t="s">
        <v>5</v>
      </c>
      <c r="H6" s="18" t="s">
        <v>80</v>
      </c>
      <c r="I6" s="13" t="s">
        <v>12</v>
      </c>
      <c r="J6" s="13"/>
      <c r="K6" s="13"/>
      <c r="L6" s="13" t="s">
        <v>104</v>
      </c>
      <c r="M6" s="13"/>
      <c r="N6" s="8" t="s">
        <v>52</v>
      </c>
      <c r="O6" s="8" t="s">
        <v>38</v>
      </c>
      <c r="P6" s="8" t="s">
        <v>42</v>
      </c>
      <c r="Q6" s="8" t="s">
        <v>49</v>
      </c>
      <c r="R6" s="6" t="s">
        <v>7</v>
      </c>
      <c r="S6" s="15" t="s">
        <v>83</v>
      </c>
      <c r="T6" s="15" t="s">
        <v>84</v>
      </c>
      <c r="U6" s="15"/>
    </row>
    <row r="7" spans="1:23" ht="34.9" customHeight="1" x14ac:dyDescent="0.25">
      <c r="A7" s="16"/>
      <c r="B7" s="19"/>
      <c r="C7" s="19"/>
      <c r="D7" s="19"/>
      <c r="E7" s="19"/>
      <c r="F7" s="19"/>
      <c r="G7" s="25"/>
      <c r="H7" s="19"/>
      <c r="I7" s="13" t="s">
        <v>8</v>
      </c>
      <c r="J7" s="13"/>
      <c r="K7" s="13"/>
      <c r="L7" s="13"/>
      <c r="M7" s="13"/>
      <c r="N7" s="8"/>
      <c r="O7" s="8"/>
      <c r="P7" s="8"/>
      <c r="Q7" s="8" t="s">
        <v>50</v>
      </c>
      <c r="R7" s="6" t="s">
        <v>33</v>
      </c>
      <c r="S7" s="16"/>
      <c r="T7" s="16"/>
      <c r="U7" s="16"/>
      <c r="W7" s="4"/>
    </row>
    <row r="8" spans="1:23" x14ac:dyDescent="0.25">
      <c r="A8" s="16"/>
      <c r="B8" s="19"/>
      <c r="C8" s="19"/>
      <c r="D8" s="19"/>
      <c r="E8" s="19"/>
      <c r="F8" s="19"/>
      <c r="G8" s="25"/>
      <c r="H8" s="19"/>
      <c r="I8" s="13" t="s">
        <v>103</v>
      </c>
      <c r="J8" s="13"/>
      <c r="K8" s="13"/>
      <c r="L8" s="13"/>
      <c r="M8" s="13"/>
      <c r="N8" s="8"/>
      <c r="O8" s="8"/>
      <c r="P8" s="8"/>
      <c r="Q8" s="8"/>
      <c r="R8" s="6" t="s">
        <v>25</v>
      </c>
      <c r="S8" s="16"/>
      <c r="T8" s="16"/>
      <c r="U8" s="16"/>
    </row>
    <row r="9" spans="1:23" ht="29.25" thickBot="1" x14ac:dyDescent="0.3">
      <c r="A9" s="17"/>
      <c r="B9" s="20"/>
      <c r="C9" s="20"/>
      <c r="D9" s="20"/>
      <c r="E9" s="20"/>
      <c r="F9" s="20"/>
      <c r="G9" s="26"/>
      <c r="H9" s="20"/>
      <c r="I9" s="14" t="s">
        <v>10</v>
      </c>
      <c r="J9" s="14"/>
      <c r="K9" s="14"/>
      <c r="L9" s="14"/>
      <c r="M9" s="14"/>
      <c r="N9" s="9"/>
      <c r="O9" s="9"/>
      <c r="P9" s="9"/>
      <c r="Q9" s="9"/>
      <c r="R9" s="7" t="s">
        <v>14</v>
      </c>
      <c r="S9" s="17"/>
      <c r="T9" s="17"/>
      <c r="U9" s="17"/>
    </row>
    <row r="10" spans="1:23" ht="16.899999999999999" customHeight="1" x14ac:dyDescent="0.25">
      <c r="A10" s="15">
        <v>2</v>
      </c>
      <c r="B10" s="18" t="s">
        <v>74</v>
      </c>
      <c r="C10" s="18" t="s">
        <v>71</v>
      </c>
      <c r="D10" s="18" t="s">
        <v>32</v>
      </c>
      <c r="E10" s="18" t="s">
        <v>99</v>
      </c>
      <c r="F10" s="18" t="s">
        <v>59</v>
      </c>
      <c r="G10" s="24" t="s">
        <v>28</v>
      </c>
      <c r="H10" s="18" t="s">
        <v>77</v>
      </c>
      <c r="I10" s="13"/>
      <c r="J10" s="13"/>
      <c r="K10" s="13"/>
      <c r="L10" s="13" t="s">
        <v>7</v>
      </c>
      <c r="M10" s="13"/>
      <c r="N10" s="8" t="s">
        <v>52</v>
      </c>
      <c r="O10" s="8" t="s">
        <v>36</v>
      </c>
      <c r="P10" s="8" t="s">
        <v>43</v>
      </c>
      <c r="Q10" s="8" t="s">
        <v>51</v>
      </c>
      <c r="R10" s="6" t="s">
        <v>7</v>
      </c>
      <c r="S10" s="15" t="s">
        <v>82</v>
      </c>
      <c r="T10" s="15"/>
      <c r="U10" s="15"/>
    </row>
    <row r="11" spans="1:23" ht="22.5" x14ac:dyDescent="0.25">
      <c r="A11" s="16"/>
      <c r="B11" s="19"/>
      <c r="C11" s="19"/>
      <c r="D11" s="19"/>
      <c r="E11" s="19"/>
      <c r="F11" s="19"/>
      <c r="G11" s="25"/>
      <c r="H11" s="19"/>
      <c r="I11" s="13"/>
      <c r="J11" s="13"/>
      <c r="K11" s="13"/>
      <c r="L11" s="13" t="s">
        <v>65</v>
      </c>
      <c r="M11" s="13"/>
      <c r="N11" s="8" t="s">
        <v>53</v>
      </c>
      <c r="O11" s="8" t="s">
        <v>37</v>
      </c>
      <c r="P11" s="8" t="s">
        <v>44</v>
      </c>
      <c r="Q11" s="8"/>
      <c r="R11" s="6" t="s">
        <v>33</v>
      </c>
      <c r="S11" s="16"/>
      <c r="T11" s="16"/>
      <c r="U11" s="16"/>
    </row>
    <row r="12" spans="1:23" x14ac:dyDescent="0.25">
      <c r="A12" s="16"/>
      <c r="B12" s="19"/>
      <c r="C12" s="19"/>
      <c r="D12" s="19"/>
      <c r="E12" s="19"/>
      <c r="F12" s="19"/>
      <c r="G12" s="25"/>
      <c r="H12" s="19"/>
      <c r="I12" s="13"/>
      <c r="J12" s="13"/>
      <c r="K12" s="13"/>
      <c r="L12" s="13" t="s">
        <v>9</v>
      </c>
      <c r="M12" s="13"/>
      <c r="N12" s="8" t="s">
        <v>54</v>
      </c>
      <c r="O12" s="8" t="s">
        <v>38</v>
      </c>
      <c r="P12" s="8"/>
      <c r="Q12" s="8"/>
      <c r="R12" s="6" t="s">
        <v>31</v>
      </c>
      <c r="S12" s="16"/>
      <c r="T12" s="16"/>
      <c r="U12" s="16"/>
    </row>
    <row r="13" spans="1:23" ht="46.5" customHeight="1" thickBot="1" x14ac:dyDescent="0.3">
      <c r="A13" s="17"/>
      <c r="B13" s="20"/>
      <c r="C13" s="20"/>
      <c r="D13" s="20"/>
      <c r="E13" s="20"/>
      <c r="F13" s="20"/>
      <c r="G13" s="26"/>
      <c r="H13" s="20"/>
      <c r="I13" s="14"/>
      <c r="J13" s="14"/>
      <c r="K13" s="14"/>
      <c r="L13" s="14"/>
      <c r="M13" s="14"/>
      <c r="N13" s="9"/>
      <c r="O13" s="9" t="s">
        <v>39</v>
      </c>
      <c r="P13" s="9"/>
      <c r="Q13" s="9"/>
      <c r="R13" s="7" t="s">
        <v>22</v>
      </c>
      <c r="S13" s="17"/>
      <c r="T13" s="17"/>
      <c r="U13" s="17"/>
    </row>
    <row r="14" spans="1:23" x14ac:dyDescent="0.25">
      <c r="A14" s="10" t="s">
        <v>78</v>
      </c>
      <c r="B14" s="11"/>
      <c r="C14" s="11"/>
      <c r="D14" s="11"/>
      <c r="E14" s="11"/>
      <c r="F14" s="11"/>
      <c r="G14" s="11"/>
      <c r="H14" s="11"/>
      <c r="I14" s="11"/>
      <c r="J14" s="11"/>
      <c r="K14" s="11"/>
      <c r="L14" s="11"/>
      <c r="M14" s="11"/>
      <c r="N14" s="11"/>
      <c r="O14" s="11"/>
      <c r="P14" s="11"/>
      <c r="Q14" s="11"/>
      <c r="R14" s="12"/>
      <c r="S14" s="12"/>
      <c r="T14" s="12"/>
      <c r="U14" s="12"/>
      <c r="V14" s="12"/>
      <c r="W14" s="12"/>
    </row>
    <row r="15" spans="1:23" x14ac:dyDescent="0.25">
      <c r="A15" s="10" t="s">
        <v>64</v>
      </c>
      <c r="B15" s="12"/>
      <c r="C15" s="12"/>
      <c r="D15" s="12"/>
      <c r="E15" s="12"/>
      <c r="F15" s="12"/>
      <c r="G15" s="12"/>
      <c r="H15" s="12"/>
      <c r="I15" s="12"/>
      <c r="J15" s="12"/>
      <c r="K15" s="12"/>
      <c r="L15" s="12"/>
      <c r="M15" s="12"/>
      <c r="N15" s="12"/>
      <c r="O15" s="12"/>
      <c r="P15" s="12"/>
      <c r="Q15" s="12"/>
      <c r="R15" s="12"/>
      <c r="S15" s="12"/>
      <c r="T15" s="12"/>
      <c r="U15" s="12"/>
      <c r="V15" s="12"/>
      <c r="W15" s="12"/>
    </row>
    <row r="16" spans="1:23" x14ac:dyDescent="0.25">
      <c r="A16" s="10" t="s">
        <v>60</v>
      </c>
      <c r="B16" s="12"/>
      <c r="C16" s="12"/>
      <c r="D16" s="12"/>
      <c r="E16" s="12"/>
      <c r="F16" s="12"/>
      <c r="G16" s="12"/>
      <c r="H16" s="12"/>
      <c r="I16" s="12"/>
      <c r="J16" s="12"/>
      <c r="K16" s="12"/>
      <c r="L16" s="12"/>
      <c r="M16" s="12"/>
      <c r="N16" s="12"/>
      <c r="O16" s="12"/>
      <c r="P16" s="12"/>
      <c r="Q16" s="12"/>
      <c r="R16" s="12"/>
      <c r="S16" s="12"/>
      <c r="T16" s="12"/>
      <c r="U16" s="12"/>
      <c r="V16" s="12"/>
      <c r="W16" s="12"/>
    </row>
  </sheetData>
  <mergeCells count="44">
    <mergeCell ref="G10:G13"/>
    <mergeCell ref="U10:U13"/>
    <mergeCell ref="A10:A13"/>
    <mergeCell ref="B10:B13"/>
    <mergeCell ref="C10:C13"/>
    <mergeCell ref="D10:D13"/>
    <mergeCell ref="E10:E13"/>
    <mergeCell ref="F10:F13"/>
    <mergeCell ref="S10:S13"/>
    <mergeCell ref="T10:T13"/>
    <mergeCell ref="U6:U9"/>
    <mergeCell ref="G4:G5"/>
    <mergeCell ref="I4:I5"/>
    <mergeCell ref="J4:J5"/>
    <mergeCell ref="N4:N5"/>
    <mergeCell ref="L4:L5"/>
    <mergeCell ref="U4:U5"/>
    <mergeCell ref="M4:M5"/>
    <mergeCell ref="K4:K5"/>
    <mergeCell ref="S4:S5"/>
    <mergeCell ref="S6:S9"/>
    <mergeCell ref="T4:T5"/>
    <mergeCell ref="T6:T9"/>
    <mergeCell ref="C4:C5"/>
    <mergeCell ref="D4:D5"/>
    <mergeCell ref="E4:E5"/>
    <mergeCell ref="F6:F9"/>
    <mergeCell ref="G6:G9"/>
    <mergeCell ref="A2:U2"/>
    <mergeCell ref="H4:H5"/>
    <mergeCell ref="H6:H9"/>
    <mergeCell ref="H10:H13"/>
    <mergeCell ref="F4:F5"/>
    <mergeCell ref="O4:O5"/>
    <mergeCell ref="P4:P5"/>
    <mergeCell ref="Q4:Q5"/>
    <mergeCell ref="R4:R5"/>
    <mergeCell ref="A6:A9"/>
    <mergeCell ref="B6:B9"/>
    <mergeCell ref="C6:C9"/>
    <mergeCell ref="D6:D9"/>
    <mergeCell ref="E6:E9"/>
    <mergeCell ref="A4:A5"/>
    <mergeCell ref="B4:B5"/>
  </mergeCells>
  <phoneticPr fontId="5" type="noConversion"/>
  <dataValidations count="20">
    <dataValidation type="list" allowBlank="1" showInputMessage="1" showErrorMessage="1" sqref="G6:G13">
      <formula1>"認知課程需求,社會適應或生活適應需求,輔助性需求(如輔具、聽能、點字等訓練)"</formula1>
    </dataValidation>
    <dataValidation type="list" allowBlank="1" showInputMessage="1" showErrorMessage="1" sqref="C10:C13">
      <formula1>"不分類身障資源班,集中式特教班,不分類巡迴輔導班,分類巡迴輔導班,在家教育巡迴輔導班,一般智優資源班,音樂專長資優資源班"</formula1>
    </dataValidation>
    <dataValidation type="list" allowBlank="1" showInputMessage="1" showErrorMessage="1" sqref="R10 I10:K10 I6:K6 R6">
      <formula1>"外加,抽離"</formula1>
    </dataValidation>
    <dataValidation type="list" allowBlank="1" showInputMessage="1" showErrorMessage="1" sqref="R13 I13:M13 I9:K9 R9">
      <formula1>"原班課程:早修,原班課程:國語,原班課程:英語,原班課程:健體,原班課程:社會,原班課程:藝文,原班課程:自然,原班課程:數學,原班課程:綜合,原班課程:其他"</formula1>
    </dataValidation>
    <dataValidation type="list" allowBlank="1" showInputMessage="1" showErrorMessage="1" sqref="I7:K7 I11:K11">
      <formula1>"國語,英語,數學,社會,藝文,自然,健體,綜合"</formula1>
    </dataValidation>
    <dataValidation type="list" allowBlank="1" showInputMessage="1" showErrorMessage="1" sqref="L7:M7 L11:M11">
      <formula1>"生活管理,社會技巧,學習策略,職業教育,溝通訓練,點字,定向行動,功能性動作訓練,輔助科技應用,創造力,領導才能,情意發展,獨立研究,專長領域"</formula1>
    </dataValidation>
    <dataValidation type="list" allowBlank="1" showInputMessage="1" showErrorMessage="1" sqref="R11 R7">
      <formula1>"語言治療,職能治療,物理治療,心理諮商"</formula1>
    </dataValidation>
    <dataValidation type="list" allowBlank="1" showInputMessage="1" showErrorMessage="1" sqref="R12 R8">
      <formula1>"1小時,2小時,3小時,4小時"</formula1>
    </dataValidation>
    <dataValidation type="list" allowBlank="1" showInputMessage="1" showErrorMessage="1" sqref="D6:D13">
      <formula1>"1年級,2年級,3年級,4年級,5年級,6年級,7年級,8年級,9年級"</formula1>
    </dataValidation>
    <dataValidation type="list" allowBlank="1" showInputMessage="1" showErrorMessage="1" sqref="O6:O13">
      <formula1>"無,簡化,減量,分解,替代,重整,加深,加廣,濃縮"</formula1>
    </dataValidation>
    <dataValidation type="list" allowBlank="1" showInputMessage="1" showErrorMessage="1" sqref="P6:P13">
      <formula1>"無,協助畫重點,關鍵字,閱讀指引,組織圖,工作分析,多感官,直接教學,合作學習,合作教學,多層次教學,角色扮演"</formula1>
    </dataValidation>
    <dataValidation type="list" allowBlank="1" showInputMessage="1" showErrorMessage="1" sqref="Q6:Q13">
      <formula1>"學習區,座位安排,特教生助理,處室支援,教師安排,同儕支持"</formula1>
    </dataValidation>
    <dataValidation type="list" allowBlank="1" showInputMessage="1" showErrorMessage="1" sqref="N6:N13">
      <formula1>"紙筆測驗,口頭測驗,指認,觀察評量,實作評量,檔案評量,同儕互評,自我評量"</formula1>
    </dataValidation>
    <dataValidation type="list" allowBlank="1" showInputMessage="1" showErrorMessage="1" sqref="L6:M6 L10:M10">
      <formula1>"外加,抽離,原班,學策融入學科"</formula1>
    </dataValidation>
    <dataValidation type="list" allowBlank="1" showInputMessage="1" showErrorMessage="1" sqref="L9:M9">
      <formula1>"原班課程:特需,原班課程:早修,原班課程:國語,原班課程:英語,原班課程:健體,原班課程:社會,原班課程:藝文,原班課程:自然,原班課程:數學,原班課程:綜合,原班課程:其他"</formula1>
    </dataValidation>
    <dataValidation type="list" allowBlank="1" showInputMessage="1" showErrorMessage="1" sqref="F6:F13">
      <formula1>"智能障礙,學習障礙,自閉症,聽覺障礙,情緒行為障礙,語言障礙,肢體障礙,腦性麻痺,身體病弱,視覺障礙,多重障礙,發展遲緩,其他障礙,一般智優,學術資優,藝才資優,創造力資優,領導資優,其他資優"</formula1>
    </dataValidation>
    <dataValidation type="list" allowBlank="1" showInputMessage="1" showErrorMessage="1" sqref="C6:C9">
      <formula1>"普通班特教服務,不分類身障資源班,集中式特教班,不分類巡迴輔導班,分類巡迴輔導班,在家教育巡迴輔導班,一般智優資源班,音樂專長資優資源班"</formula1>
    </dataValidation>
    <dataValidation type="list" allowBlank="1" showInputMessage="1" showErrorMessage="1" sqref="I12:M12 I8:M8">
      <formula1>"1節,2節,3節,4節,5節,6節,7節"</formula1>
    </dataValidation>
    <dataValidation type="list" allowBlank="1" showInputMessage="1" showErrorMessage="1" sqref="S6:S13">
      <formula1>"尚未申請,有巡迴輔導教學,無,其他"</formula1>
    </dataValidation>
    <dataValidation type="list" allowBlank="1" showInputMessage="1" showErrorMessage="1" sqref="T6:T13">
      <formula1>"已完成,因故轉銜未完成"</formula1>
    </dataValidation>
  </dataValidations>
  <printOptions horizontalCentered="1"/>
  <pageMargins left="0.23622047244094491" right="0.23622047244094491" top="0.39370078740157483" bottom="0.15748031496062992" header="0.31496062992125984" footer="0.31496062992125984"/>
  <pageSetup paperSize="9" scale="97"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2</vt:i4>
      </vt:variant>
    </vt:vector>
  </HeadingPairs>
  <TitlesOfParts>
    <vt:vector size="2" baseType="lpstr">
      <vt:lpstr>設有特教班學校範例</vt:lpstr>
      <vt:lpstr>無特教班學校範例</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臺南市</dc:creator>
  <cp:lastModifiedBy>毛淑蕙</cp:lastModifiedBy>
  <cp:lastPrinted>2023-03-28T04:59:32Z</cp:lastPrinted>
  <dcterms:created xsi:type="dcterms:W3CDTF">2019-01-04T13:56:43Z</dcterms:created>
  <dcterms:modified xsi:type="dcterms:W3CDTF">2023-04-20T02:44:42Z</dcterms:modified>
</cp:coreProperties>
</file>